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7_税政G\２年度\40_税財政データ集\★R２年度版作成\03_R02年度完成版\"/>
    </mc:Choice>
  </mc:AlternateContent>
  <bookViews>
    <workbookView xWindow="0" yWindow="0" windowWidth="23040" windowHeight="9360" tabRatio="666"/>
  </bookViews>
  <sheets>
    <sheet name="住民税1" sheetId="3" r:id="rId1"/>
    <sheet name="住民税2" sheetId="4" r:id="rId2"/>
    <sheet name="住民税3" sheetId="5" r:id="rId3"/>
    <sheet name="住民税4" sheetId="20" r:id="rId4"/>
    <sheet name="住民税5" sheetId="21" r:id="rId5"/>
  </sheets>
  <definedNames>
    <definedName name="_xlnm.Print_Area" localSheetId="2">住民税3!$A$1:$P$40</definedName>
  </definedNames>
  <calcPr calcId="152511"/>
</workbook>
</file>

<file path=xl/sharedStrings.xml><?xml version="1.0" encoding="utf-8"?>
<sst xmlns="http://schemas.openxmlformats.org/spreadsheetml/2006/main" count="272" uniqueCount="92"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(単位：千円）</t>
    <rPh sb="1" eb="3">
      <t>タンイ</t>
    </rPh>
    <rPh sb="4" eb="6">
      <t>センエン</t>
    </rPh>
    <phoneticPr fontId="2"/>
  </si>
  <si>
    <t>区分</t>
    <rPh sb="0" eb="2">
      <t>クブン</t>
    </rPh>
    <phoneticPr fontId="2"/>
  </si>
  <si>
    <t>計</t>
    <rPh sb="0" eb="1">
      <t>ケイ</t>
    </rPh>
    <phoneticPr fontId="2"/>
  </si>
  <si>
    <t>市町村名</t>
    <rPh sb="0" eb="3">
      <t>シチョウソン</t>
    </rPh>
    <rPh sb="3" eb="4">
      <t>メイ</t>
    </rPh>
    <phoneticPr fontId="2"/>
  </si>
  <si>
    <t>横浜市</t>
    <rPh sb="0" eb="3">
      <t>ヨコハマシ</t>
    </rPh>
    <phoneticPr fontId="2"/>
  </si>
  <si>
    <t>県計</t>
    <rPh sb="0" eb="1">
      <t>ケン</t>
    </rPh>
    <rPh sb="1" eb="2">
      <t>ケイ</t>
    </rPh>
    <phoneticPr fontId="2"/>
  </si>
  <si>
    <t>　（１）　市町村民税納税義務者数</t>
    <rPh sb="5" eb="8">
      <t>シチョウソン</t>
    </rPh>
    <rPh sb="8" eb="9">
      <t>ミン</t>
    </rPh>
    <rPh sb="9" eb="10">
      <t>ゼイ</t>
    </rPh>
    <rPh sb="10" eb="12">
      <t>ノウゼイ</t>
    </rPh>
    <rPh sb="12" eb="15">
      <t>ギムシャ</t>
    </rPh>
    <rPh sb="15" eb="16">
      <t>スウ</t>
    </rPh>
    <phoneticPr fontId="2"/>
  </si>
  <si>
    <t>（単位：人）</t>
    <rPh sb="1" eb="3">
      <t>タンイ</t>
    </rPh>
    <rPh sb="4" eb="5">
      <t>ニン</t>
    </rPh>
    <phoneticPr fontId="2"/>
  </si>
  <si>
    <t>個人均等割納税義務者数</t>
    <rPh sb="0" eb="2">
      <t>コジン</t>
    </rPh>
    <rPh sb="2" eb="4">
      <t>キントウ</t>
    </rPh>
    <rPh sb="4" eb="5">
      <t>ワ</t>
    </rPh>
    <rPh sb="5" eb="7">
      <t>ノウゼイ</t>
    </rPh>
    <rPh sb="7" eb="10">
      <t>ギムシャ</t>
    </rPh>
    <rPh sb="10" eb="11">
      <t>スウ</t>
    </rPh>
    <phoneticPr fontId="2"/>
  </si>
  <si>
    <t>法人均等割納税義務者数</t>
    <rPh sb="0" eb="2">
      <t>ホウジン</t>
    </rPh>
    <rPh sb="2" eb="4">
      <t>キントウ</t>
    </rPh>
    <rPh sb="4" eb="5">
      <t>ワ</t>
    </rPh>
    <rPh sb="5" eb="7">
      <t>ノウゼイ</t>
    </rPh>
    <rPh sb="7" eb="10">
      <t>ギムシャ</t>
    </rPh>
    <rPh sb="10" eb="11">
      <t>スウ</t>
    </rPh>
    <phoneticPr fontId="2"/>
  </si>
  <si>
    <t>所得割
納税義務者数</t>
    <rPh sb="0" eb="2">
      <t>ショトク</t>
    </rPh>
    <rPh sb="2" eb="3">
      <t>ワリ</t>
    </rPh>
    <rPh sb="4" eb="6">
      <t>ノウゼイ</t>
    </rPh>
    <rPh sb="6" eb="9">
      <t>ギムシャ</t>
    </rPh>
    <rPh sb="9" eb="10">
      <t>スウ</t>
    </rPh>
    <phoneticPr fontId="2"/>
  </si>
  <si>
    <t>法人税割
納税義務者数</t>
    <rPh sb="0" eb="2">
      <t>ホウジン</t>
    </rPh>
    <rPh sb="2" eb="3">
      <t>ゼイ</t>
    </rPh>
    <rPh sb="3" eb="4">
      <t>ワ</t>
    </rPh>
    <rPh sb="5" eb="7">
      <t>ノウゼイ</t>
    </rPh>
    <rPh sb="7" eb="10">
      <t>ギムシャ</t>
    </rPh>
    <rPh sb="10" eb="11">
      <t>スウ</t>
    </rPh>
    <phoneticPr fontId="2"/>
  </si>
  <si>
    <t>地方税法
第294条1項
1号該当者</t>
    <rPh sb="0" eb="2">
      <t>チホウ</t>
    </rPh>
    <rPh sb="2" eb="4">
      <t>ゼイホウ</t>
    </rPh>
    <rPh sb="5" eb="6">
      <t>ダイ</t>
    </rPh>
    <rPh sb="9" eb="10">
      <t>ジョウ</t>
    </rPh>
    <rPh sb="11" eb="12">
      <t>コウ</t>
    </rPh>
    <rPh sb="14" eb="15">
      <t>ゴウ</t>
    </rPh>
    <rPh sb="15" eb="17">
      <t>ガイトウ</t>
    </rPh>
    <rPh sb="17" eb="18">
      <t>シャ</t>
    </rPh>
    <phoneticPr fontId="2"/>
  </si>
  <si>
    <t>同項
2号該当者</t>
    <rPh sb="0" eb="1">
      <t>ドウ</t>
    </rPh>
    <rPh sb="1" eb="2">
      <t>コウ</t>
    </rPh>
    <rPh sb="4" eb="5">
      <t>ゴウ</t>
    </rPh>
    <rPh sb="5" eb="8">
      <t>ガイトウシャ</t>
    </rPh>
    <phoneticPr fontId="2"/>
  </si>
  <si>
    <t>(A)～(H)以外(法人でない社団等を除く）</t>
    <rPh sb="7" eb="9">
      <t>イガイ</t>
    </rPh>
    <rPh sb="10" eb="12">
      <t>ホウジン</t>
    </rPh>
    <rPh sb="15" eb="18">
      <t>シャダントウ</t>
    </rPh>
    <rPh sb="19" eb="20">
      <t>ノゾ</t>
    </rPh>
    <phoneticPr fontId="2"/>
  </si>
  <si>
    <t>　（２）　市町村民税所得割</t>
    <rPh sb="5" eb="8">
      <t>シチョウソン</t>
    </rPh>
    <rPh sb="8" eb="9">
      <t>ミン</t>
    </rPh>
    <rPh sb="9" eb="10">
      <t>ゼイ</t>
    </rPh>
    <rPh sb="10" eb="12">
      <t>ショトク</t>
    </rPh>
    <rPh sb="12" eb="13">
      <t>ワリ</t>
    </rPh>
    <phoneticPr fontId="2"/>
  </si>
  <si>
    <t>納税義務者数</t>
    <rPh sb="0" eb="2">
      <t>ノウゼイ</t>
    </rPh>
    <rPh sb="2" eb="5">
      <t>ギムシャ</t>
    </rPh>
    <rPh sb="5" eb="6">
      <t>スウ</t>
    </rPh>
    <phoneticPr fontId="2"/>
  </si>
  <si>
    <t>総所得金額等</t>
    <rPh sb="0" eb="1">
      <t>ソウ</t>
    </rPh>
    <rPh sb="1" eb="3">
      <t>ショトク</t>
    </rPh>
    <rPh sb="3" eb="5">
      <t>キンガク</t>
    </rPh>
    <rPh sb="5" eb="6">
      <t>トウ</t>
    </rPh>
    <phoneticPr fontId="2"/>
  </si>
  <si>
    <t>分離長期譲渡所得金額に係る
所得金額</t>
    <rPh sb="0" eb="2">
      <t>ブンリ</t>
    </rPh>
    <rPh sb="2" eb="4">
      <t>チョウキ</t>
    </rPh>
    <rPh sb="4" eb="6">
      <t>ジョウト</t>
    </rPh>
    <rPh sb="6" eb="8">
      <t>ショトク</t>
    </rPh>
    <rPh sb="8" eb="10">
      <t>キンガク</t>
    </rPh>
    <rPh sb="11" eb="12">
      <t>カカ</t>
    </rPh>
    <rPh sb="14" eb="16">
      <t>ショトク</t>
    </rPh>
    <rPh sb="16" eb="18">
      <t>キンガク</t>
    </rPh>
    <phoneticPr fontId="2"/>
  </si>
  <si>
    <t>分離短期譲渡所得金額に係る
所得金額</t>
    <rPh sb="0" eb="2">
      <t>ブンリ</t>
    </rPh>
    <rPh sb="2" eb="4">
      <t>タンキ</t>
    </rPh>
    <rPh sb="4" eb="6">
      <t>ジョウト</t>
    </rPh>
    <rPh sb="6" eb="8">
      <t>ショトク</t>
    </rPh>
    <rPh sb="8" eb="10">
      <t>キンガク</t>
    </rPh>
    <rPh sb="11" eb="12">
      <t>カカ</t>
    </rPh>
    <rPh sb="14" eb="16">
      <t>ショトク</t>
    </rPh>
    <rPh sb="16" eb="18">
      <t>キンガク</t>
    </rPh>
    <phoneticPr fontId="2"/>
  </si>
  <si>
    <t>先物取引に係る雑所得金額</t>
    <rPh sb="0" eb="2">
      <t>サキモノ</t>
    </rPh>
    <rPh sb="2" eb="4">
      <t>トリヒキ</t>
    </rPh>
    <rPh sb="5" eb="6">
      <t>カカ</t>
    </rPh>
    <rPh sb="7" eb="8">
      <t>ザツ</t>
    </rPh>
    <rPh sb="8" eb="10">
      <t>ショトク</t>
    </rPh>
    <rPh sb="10" eb="12">
      <t>キンガク</t>
    </rPh>
    <phoneticPr fontId="2"/>
  </si>
  <si>
    <t>所得控除額</t>
    <rPh sb="0" eb="2">
      <t>ショトク</t>
    </rPh>
    <rPh sb="2" eb="4">
      <t>コウジョ</t>
    </rPh>
    <rPh sb="4" eb="5">
      <t>ガク</t>
    </rPh>
    <phoneticPr fontId="2"/>
  </si>
  <si>
    <t>所得税の
納税義務あり
（人）</t>
    <rPh sb="0" eb="3">
      <t>ショトクゼイ</t>
    </rPh>
    <rPh sb="5" eb="7">
      <t>ノウゼイ</t>
    </rPh>
    <rPh sb="7" eb="9">
      <t>ギム</t>
    </rPh>
    <rPh sb="13" eb="14">
      <t>ニン</t>
    </rPh>
    <phoneticPr fontId="2"/>
  </si>
  <si>
    <t>所得税の
納税義務なし
（人）</t>
    <rPh sb="0" eb="3">
      <t>ショトクゼイ</t>
    </rPh>
    <rPh sb="5" eb="7">
      <t>ノウゼイ</t>
    </rPh>
    <rPh sb="7" eb="9">
      <t>ギム</t>
    </rPh>
    <rPh sb="13" eb="14">
      <t>ニン</t>
    </rPh>
    <phoneticPr fontId="2"/>
  </si>
  <si>
    <t>計
（人）</t>
    <rPh sb="0" eb="1">
      <t>ケイ</t>
    </rPh>
    <rPh sb="3" eb="4">
      <t>ニン</t>
    </rPh>
    <phoneticPr fontId="2"/>
  </si>
  <si>
    <t>課税標準額</t>
    <rPh sb="0" eb="2">
      <t>カゼイ</t>
    </rPh>
    <rPh sb="2" eb="4">
      <t>ヒョウジュン</t>
    </rPh>
    <rPh sb="4" eb="5">
      <t>ガク</t>
    </rPh>
    <phoneticPr fontId="2"/>
  </si>
  <si>
    <t>算出税額</t>
    <rPh sb="0" eb="2">
      <t>サンシュツ</t>
    </rPh>
    <rPh sb="2" eb="4">
      <t>ゼイガク</t>
    </rPh>
    <phoneticPr fontId="2"/>
  </si>
  <si>
    <t>税額控除額</t>
    <rPh sb="0" eb="2">
      <t>ゼイガク</t>
    </rPh>
    <rPh sb="2" eb="4">
      <t>コウジョ</t>
    </rPh>
    <rPh sb="4" eb="5">
      <t>ガク</t>
    </rPh>
    <phoneticPr fontId="2"/>
  </si>
  <si>
    <t>税額調整額</t>
    <rPh sb="0" eb="2">
      <t>ゼイガク</t>
    </rPh>
    <rPh sb="2" eb="4">
      <t>チョウセイ</t>
    </rPh>
    <rPh sb="4" eb="5">
      <t>ガク</t>
    </rPh>
    <phoneticPr fontId="2"/>
  </si>
  <si>
    <t>配当割額
の控除額</t>
    <rPh sb="0" eb="2">
      <t>ハイトウ</t>
    </rPh>
    <rPh sb="2" eb="3">
      <t>ワ</t>
    </rPh>
    <rPh sb="3" eb="4">
      <t>ガク</t>
    </rPh>
    <rPh sb="6" eb="8">
      <t>コウジョ</t>
    </rPh>
    <rPh sb="8" eb="9">
      <t>ガク</t>
    </rPh>
    <phoneticPr fontId="2"/>
  </si>
  <si>
    <t>減免税額</t>
    <rPh sb="0" eb="2">
      <t>ゲンメン</t>
    </rPh>
    <rPh sb="2" eb="4">
      <t>ゼイガク</t>
    </rPh>
    <phoneticPr fontId="2"/>
  </si>
  <si>
    <t>所得割額</t>
    <rPh sb="0" eb="2">
      <t>ショトク</t>
    </rPh>
    <rPh sb="2" eb="3">
      <t>ワリ</t>
    </rPh>
    <rPh sb="3" eb="4">
      <t>ガク</t>
    </rPh>
    <phoneticPr fontId="2"/>
  </si>
  <si>
    <t>調 整
控 除</t>
    <rPh sb="0" eb="1">
      <t>チョウ</t>
    </rPh>
    <rPh sb="2" eb="3">
      <t>タダシ</t>
    </rPh>
    <rPh sb="4" eb="5">
      <t>ヒカエ</t>
    </rPh>
    <rPh sb="6" eb="7">
      <t>ジョ</t>
    </rPh>
    <phoneticPr fontId="2"/>
  </si>
  <si>
    <t>配 当
控 除</t>
    <rPh sb="0" eb="1">
      <t>クバ</t>
    </rPh>
    <rPh sb="2" eb="3">
      <t>トウ</t>
    </rPh>
    <rPh sb="4" eb="5">
      <t>ヒカエ</t>
    </rPh>
    <rPh sb="6" eb="7">
      <t>ジョ</t>
    </rPh>
    <phoneticPr fontId="2"/>
  </si>
  <si>
    <t>住宅借入金
等特別税額
控 除</t>
    <rPh sb="0" eb="2">
      <t>ジュウタク</t>
    </rPh>
    <rPh sb="2" eb="4">
      <t>カリイレ</t>
    </rPh>
    <rPh sb="4" eb="5">
      <t>キン</t>
    </rPh>
    <rPh sb="6" eb="7">
      <t>トウ</t>
    </rPh>
    <rPh sb="7" eb="9">
      <t>トクベツ</t>
    </rPh>
    <rPh sb="9" eb="11">
      <t>ゼイガク</t>
    </rPh>
    <rPh sb="12" eb="13">
      <t>ヒカエ</t>
    </rPh>
    <rPh sb="14" eb="15">
      <t>ジョ</t>
    </rPh>
    <phoneticPr fontId="2"/>
  </si>
  <si>
    <t>寄附金税額
控 除</t>
    <rPh sb="0" eb="3">
      <t>キフキン</t>
    </rPh>
    <rPh sb="3" eb="5">
      <t>ゼイガク</t>
    </rPh>
    <rPh sb="6" eb="7">
      <t>ヒカエ</t>
    </rPh>
    <rPh sb="8" eb="9">
      <t>ジョ</t>
    </rPh>
    <phoneticPr fontId="2"/>
  </si>
  <si>
    <t>外国税額
控 除</t>
    <rPh sb="0" eb="2">
      <t>ガイコク</t>
    </rPh>
    <rPh sb="2" eb="4">
      <t>ゼイガク</t>
    </rPh>
    <rPh sb="5" eb="6">
      <t>ヒカエ</t>
    </rPh>
    <rPh sb="7" eb="8">
      <t>ジョ</t>
    </rPh>
    <phoneticPr fontId="2"/>
  </si>
  <si>
    <t>所得税の
納税義務あり</t>
    <rPh sb="0" eb="3">
      <t>ショトクゼイ</t>
    </rPh>
    <rPh sb="5" eb="7">
      <t>ノウゼイ</t>
    </rPh>
    <rPh sb="7" eb="9">
      <t>ギム</t>
    </rPh>
    <phoneticPr fontId="2"/>
  </si>
  <si>
    <t>所得税の
納税義務なし</t>
    <rPh sb="0" eb="3">
      <t>ショトクゼイ</t>
    </rPh>
    <rPh sb="5" eb="7">
      <t>ノウゼイ</t>
    </rPh>
    <rPh sb="7" eb="9">
      <t>ギム</t>
    </rPh>
    <phoneticPr fontId="2"/>
  </si>
  <si>
    <t>税額
調整額</t>
    <rPh sb="0" eb="2">
      <t>ゼイガク</t>
    </rPh>
    <rPh sb="3" eb="5">
      <t>チョウセイ</t>
    </rPh>
    <rPh sb="5" eb="6">
      <t>ガク</t>
    </rPh>
    <phoneticPr fontId="2"/>
  </si>
  <si>
    <t>上場株式等に係る配当所得金額</t>
    <rPh sb="0" eb="2">
      <t>ジョウジョウ</t>
    </rPh>
    <rPh sb="2" eb="5">
      <t>カブシキナド</t>
    </rPh>
    <rPh sb="6" eb="7">
      <t>カカ</t>
    </rPh>
    <rPh sb="8" eb="10">
      <t>ハイトウ</t>
    </rPh>
    <rPh sb="10" eb="12">
      <t>ショトク</t>
    </rPh>
    <rPh sb="12" eb="14">
      <t>キンガク</t>
    </rPh>
    <phoneticPr fontId="2"/>
  </si>
  <si>
    <t>　（３）　個人県民税</t>
    <rPh sb="5" eb="7">
      <t>コジン</t>
    </rPh>
    <rPh sb="7" eb="8">
      <t>ケン</t>
    </rPh>
    <rPh sb="8" eb="9">
      <t>ミン</t>
    </rPh>
    <rPh sb="9" eb="10">
      <t>ゼイ</t>
    </rPh>
    <phoneticPr fontId="2"/>
  </si>
  <si>
    <t>納税義務者数(人）</t>
    <rPh sb="0" eb="2">
      <t>ノウゼイ</t>
    </rPh>
    <rPh sb="2" eb="5">
      <t>ギムシャ</t>
    </rPh>
    <rPh sb="5" eb="6">
      <t>スウ</t>
    </rPh>
    <rPh sb="7" eb="8">
      <t>ニン</t>
    </rPh>
    <phoneticPr fontId="2"/>
  </si>
  <si>
    <t>資本金等50億円超従業者50人超(A)</t>
    <rPh sb="0" eb="3">
      <t>シホンキン</t>
    </rPh>
    <rPh sb="3" eb="4">
      <t>トウ</t>
    </rPh>
    <rPh sb="6" eb="9">
      <t>オクエンチョウ</t>
    </rPh>
    <rPh sb="9" eb="12">
      <t>ジュウギョウシャ</t>
    </rPh>
    <rPh sb="14" eb="15">
      <t>ニン</t>
    </rPh>
    <rPh sb="15" eb="16">
      <t>チョウ</t>
    </rPh>
    <phoneticPr fontId="2"/>
  </si>
  <si>
    <t>資本金等10億円超50億円以下従業者50人超(B)</t>
    <rPh sb="0" eb="3">
      <t>シホンキン</t>
    </rPh>
    <rPh sb="3" eb="4">
      <t>トウ</t>
    </rPh>
    <rPh sb="6" eb="8">
      <t>オクエン</t>
    </rPh>
    <rPh sb="8" eb="9">
      <t>チョウ</t>
    </rPh>
    <rPh sb="11" eb="15">
      <t>オクエンイカ</t>
    </rPh>
    <rPh sb="15" eb="18">
      <t>ジュウギョウシャ</t>
    </rPh>
    <rPh sb="20" eb="21">
      <t>ニン</t>
    </rPh>
    <rPh sb="21" eb="22">
      <t>チョウ</t>
    </rPh>
    <phoneticPr fontId="2"/>
  </si>
  <si>
    <t>資本金等10億円超従業者50人以下(C)</t>
    <rPh sb="0" eb="3">
      <t>シホンキン</t>
    </rPh>
    <rPh sb="3" eb="4">
      <t>トウ</t>
    </rPh>
    <rPh sb="6" eb="9">
      <t>オクエンチョウ</t>
    </rPh>
    <rPh sb="9" eb="12">
      <t>ジュウギョウシャ</t>
    </rPh>
    <rPh sb="14" eb="15">
      <t>ニン</t>
    </rPh>
    <rPh sb="15" eb="17">
      <t>イカ</t>
    </rPh>
    <phoneticPr fontId="2"/>
  </si>
  <si>
    <t>資本金等1億円超10億円以下従業者50人超(D)</t>
    <rPh sb="0" eb="3">
      <t>シホンキン</t>
    </rPh>
    <rPh sb="3" eb="4">
      <t>トウ</t>
    </rPh>
    <rPh sb="5" eb="7">
      <t>オクエン</t>
    </rPh>
    <rPh sb="7" eb="8">
      <t>チョウ</t>
    </rPh>
    <rPh sb="10" eb="14">
      <t>オクエンイカ</t>
    </rPh>
    <rPh sb="14" eb="17">
      <t>ジュウギョウシャ</t>
    </rPh>
    <rPh sb="19" eb="20">
      <t>ニン</t>
    </rPh>
    <rPh sb="20" eb="21">
      <t>チョウ</t>
    </rPh>
    <phoneticPr fontId="2"/>
  </si>
  <si>
    <t>資本金等1億円超10億円以下従業者50人以下(E)</t>
    <rPh sb="0" eb="3">
      <t>シホンキン</t>
    </rPh>
    <rPh sb="3" eb="4">
      <t>トウ</t>
    </rPh>
    <rPh sb="5" eb="7">
      <t>オクエン</t>
    </rPh>
    <rPh sb="7" eb="8">
      <t>チョウ</t>
    </rPh>
    <rPh sb="10" eb="14">
      <t>オクエンイカ</t>
    </rPh>
    <rPh sb="14" eb="17">
      <t>ジュウギョウシャ</t>
    </rPh>
    <rPh sb="19" eb="20">
      <t>ニン</t>
    </rPh>
    <rPh sb="20" eb="22">
      <t>イカ</t>
    </rPh>
    <phoneticPr fontId="2"/>
  </si>
  <si>
    <t>資本金等1千万円超1億円以下従業者50人超(F)</t>
    <rPh sb="0" eb="3">
      <t>シホンキン</t>
    </rPh>
    <rPh sb="3" eb="4">
      <t>トウ</t>
    </rPh>
    <rPh sb="5" eb="8">
      <t>センマンエン</t>
    </rPh>
    <rPh sb="8" eb="9">
      <t>チョウ</t>
    </rPh>
    <rPh sb="10" eb="14">
      <t>オクエンイカ</t>
    </rPh>
    <rPh sb="14" eb="17">
      <t>ジュウギョウシャ</t>
    </rPh>
    <rPh sb="19" eb="20">
      <t>ニン</t>
    </rPh>
    <rPh sb="20" eb="21">
      <t>チョウ</t>
    </rPh>
    <phoneticPr fontId="2"/>
  </si>
  <si>
    <t>資本金等1千万円超1億円以下従業者50人以下(G)</t>
    <rPh sb="0" eb="3">
      <t>シホンキン</t>
    </rPh>
    <rPh sb="3" eb="4">
      <t>トウ</t>
    </rPh>
    <rPh sb="5" eb="8">
      <t>センマンエン</t>
    </rPh>
    <rPh sb="8" eb="9">
      <t>チョウ</t>
    </rPh>
    <rPh sb="10" eb="14">
      <t>オクエンイカ</t>
    </rPh>
    <rPh sb="14" eb="17">
      <t>ジュウギョウシャ</t>
    </rPh>
    <rPh sb="19" eb="20">
      <t>ニン</t>
    </rPh>
    <rPh sb="20" eb="22">
      <t>イカ</t>
    </rPh>
    <phoneticPr fontId="2"/>
  </si>
  <si>
    <t>資本金等1千万円以下従業者50人超(H)</t>
    <rPh sb="0" eb="3">
      <t>シホンキン</t>
    </rPh>
    <rPh sb="3" eb="4">
      <t>トウ</t>
    </rPh>
    <rPh sb="5" eb="10">
      <t>センマンエンイカ</t>
    </rPh>
    <rPh sb="10" eb="13">
      <t>ジュウギョウシャ</t>
    </rPh>
    <rPh sb="15" eb="16">
      <t>ニン</t>
    </rPh>
    <rPh sb="16" eb="17">
      <t>チョウ</t>
    </rPh>
    <phoneticPr fontId="2"/>
  </si>
  <si>
    <t xml:space="preserve"> </t>
    <phoneticPr fontId="2"/>
  </si>
  <si>
    <t>株式等譲渡
所得割額
の控除額</t>
    <phoneticPr fontId="2"/>
  </si>
  <si>
    <t>上場株式等に係る譲渡所得金額</t>
    <rPh sb="0" eb="2">
      <t>ジョウジョウ</t>
    </rPh>
    <rPh sb="2" eb="4">
      <t>カブシキ</t>
    </rPh>
    <rPh sb="4" eb="5">
      <t>トウ</t>
    </rPh>
    <rPh sb="6" eb="7">
      <t>カカ</t>
    </rPh>
    <rPh sb="8" eb="10">
      <t>ジョウト</t>
    </rPh>
    <rPh sb="10" eb="12">
      <t>ショトク</t>
    </rPh>
    <rPh sb="12" eb="14">
      <t>キンガク</t>
    </rPh>
    <phoneticPr fontId="2"/>
  </si>
  <si>
    <t>一般株式等に係る譲渡所得金額</t>
    <rPh sb="0" eb="2">
      <t>イッパン</t>
    </rPh>
    <rPh sb="2" eb="4">
      <t>カブシキ</t>
    </rPh>
    <rPh sb="4" eb="5">
      <t>トウ</t>
    </rPh>
    <rPh sb="6" eb="7">
      <t>カカ</t>
    </rPh>
    <rPh sb="8" eb="10">
      <t>ジョウト</t>
    </rPh>
    <rPh sb="10" eb="12">
      <t>ショトク</t>
    </rPh>
    <rPh sb="12" eb="14">
      <t>キンガク</t>
    </rPh>
    <phoneticPr fontId="2"/>
  </si>
  <si>
    <t>上場株式等に係る配当所得金額</t>
    <rPh sb="0" eb="2">
      <t>ジョウジョウ</t>
    </rPh>
    <rPh sb="2" eb="4">
      <t>カブシキ</t>
    </rPh>
    <rPh sb="4" eb="5">
      <t>トウ</t>
    </rPh>
    <rPh sb="6" eb="7">
      <t>カカ</t>
    </rPh>
    <rPh sb="8" eb="10">
      <t>ハイトウ</t>
    </rPh>
    <rPh sb="10" eb="12">
      <t>ショトク</t>
    </rPh>
    <rPh sb="12" eb="14">
      <t>キンガク</t>
    </rPh>
    <phoneticPr fontId="2"/>
  </si>
  <si>
    <t>土地等に係る事業所得金額等の金額</t>
    <rPh sb="0" eb="3">
      <t>トチトウ</t>
    </rPh>
    <rPh sb="4" eb="5">
      <t>カカ</t>
    </rPh>
    <rPh sb="6" eb="8">
      <t>ジギョウ</t>
    </rPh>
    <rPh sb="8" eb="10">
      <t>ショトク</t>
    </rPh>
    <rPh sb="10" eb="12">
      <t>キンガク</t>
    </rPh>
    <rPh sb="12" eb="13">
      <t>トウ</t>
    </rPh>
    <rPh sb="14" eb="16">
      <t>キンガク</t>
    </rPh>
    <phoneticPr fontId="2"/>
  </si>
  <si>
    <t>３　令和２年度市町村民税及び県民税に関する調</t>
    <rPh sb="2" eb="4">
      <t>レイワ</t>
    </rPh>
    <rPh sb="5" eb="7">
      <t>ネンド</t>
    </rPh>
    <rPh sb="6" eb="7">
      <t>ド</t>
    </rPh>
    <rPh sb="7" eb="10">
      <t>シチョウソン</t>
    </rPh>
    <rPh sb="10" eb="11">
      <t>ミン</t>
    </rPh>
    <rPh sb="11" eb="12">
      <t>ゼイ</t>
    </rPh>
    <rPh sb="12" eb="13">
      <t>オヨ</t>
    </rPh>
    <rPh sb="14" eb="17">
      <t>ケンミンゼイ</t>
    </rPh>
    <rPh sb="18" eb="19">
      <t>カン</t>
    </rPh>
    <rPh sb="21" eb="22">
      <t>シラベ</t>
    </rPh>
    <phoneticPr fontId="2"/>
  </si>
  <si>
    <t>令和２年度市町村税課税状況等の調（１表）</t>
    <rPh sb="0" eb="2">
      <t>レイワ</t>
    </rPh>
    <rPh sb="3" eb="5">
      <t>ネンド</t>
    </rPh>
    <rPh sb="4" eb="5">
      <t>ド</t>
    </rPh>
    <rPh sb="5" eb="8">
      <t>シチョウソン</t>
    </rPh>
    <rPh sb="8" eb="9">
      <t>ゼイ</t>
    </rPh>
    <rPh sb="9" eb="11">
      <t>カゼイ</t>
    </rPh>
    <rPh sb="11" eb="13">
      <t>ジョウキョウ</t>
    </rPh>
    <rPh sb="13" eb="14">
      <t>トウ</t>
    </rPh>
    <rPh sb="15" eb="16">
      <t>シラベ</t>
    </rPh>
    <rPh sb="18" eb="19">
      <t>ヒョウ</t>
    </rPh>
    <phoneticPr fontId="2"/>
  </si>
  <si>
    <t>令和２年度市町村税課税状況等の調（12表）</t>
    <rPh sb="0" eb="2">
      <t>レイワ</t>
    </rPh>
    <rPh sb="3" eb="5">
      <t>ネンド</t>
    </rPh>
    <rPh sb="4" eb="5">
      <t>ド</t>
    </rPh>
    <rPh sb="5" eb="8">
      <t>シチョウソン</t>
    </rPh>
    <rPh sb="8" eb="9">
      <t>ゼイ</t>
    </rPh>
    <rPh sb="9" eb="11">
      <t>カゼイ</t>
    </rPh>
    <rPh sb="11" eb="13">
      <t>ジョウキョウ</t>
    </rPh>
    <rPh sb="13" eb="14">
      <t>トウ</t>
    </rPh>
    <rPh sb="15" eb="16">
      <t>シラベ</t>
    </rPh>
    <rPh sb="19" eb="20">
      <t>ヒ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%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sz val="6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/>
      <right/>
      <top style="thin">
        <color indexed="64"/>
      </top>
      <bottom/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97">
    <xf numFmtId="0" fontId="0" fillId="0" borderId="0" xfId="0"/>
    <xf numFmtId="38" fontId="3" fillId="0" borderId="1" xfId="2" applyFont="1" applyFill="1" applyBorder="1" applyAlignment="1">
      <alignment horizontal="distributed" vertical="center"/>
    </xf>
    <xf numFmtId="38" fontId="3" fillId="0" borderId="2" xfId="2" applyFont="1" applyFill="1" applyBorder="1" applyAlignment="1">
      <alignment horizontal="distributed" vertical="center"/>
    </xf>
    <xf numFmtId="38" fontId="3" fillId="0" borderId="0" xfId="2" applyFont="1" applyFill="1" applyBorder="1" applyAlignment="1">
      <alignment vertical="center"/>
    </xf>
    <xf numFmtId="38" fontId="4" fillId="0" borderId="0" xfId="2" applyFont="1" applyFill="1" applyBorder="1" applyAlignment="1">
      <alignment vertical="center"/>
    </xf>
    <xf numFmtId="38" fontId="5" fillId="0" borderId="0" xfId="2" applyFont="1" applyFill="1" applyBorder="1" applyAlignment="1">
      <alignment vertical="center"/>
    </xf>
    <xf numFmtId="38" fontId="3" fillId="0" borderId="0" xfId="2" applyFont="1" applyFill="1" applyBorder="1" applyAlignment="1">
      <alignment horizontal="center" vertical="center"/>
    </xf>
    <xf numFmtId="38" fontId="3" fillId="0" borderId="0" xfId="2" applyFont="1" applyFill="1" applyBorder="1" applyAlignment="1">
      <alignment horizontal="right" vertical="center"/>
    </xf>
    <xf numFmtId="38" fontId="3" fillId="0" borderId="3" xfId="2" applyFont="1" applyFill="1" applyBorder="1" applyAlignment="1">
      <alignment horizontal="right" vertical="center" wrapText="1"/>
    </xf>
    <xf numFmtId="38" fontId="3" fillId="0" borderId="4" xfId="2" applyFont="1" applyFill="1" applyBorder="1" applyAlignment="1">
      <alignment vertical="center"/>
    </xf>
    <xf numFmtId="38" fontId="3" fillId="0" borderId="2" xfId="2" applyFont="1" applyFill="1" applyBorder="1" applyAlignment="1">
      <alignment vertical="center"/>
    </xf>
    <xf numFmtId="38" fontId="3" fillId="0" borderId="3" xfId="2" applyFont="1" applyFill="1" applyBorder="1" applyAlignment="1">
      <alignment horizontal="distributed" vertical="center"/>
    </xf>
    <xf numFmtId="38" fontId="3" fillId="0" borderId="4" xfId="2" applyFont="1" applyFill="1" applyBorder="1" applyAlignment="1">
      <alignment horizontal="distributed" vertical="center"/>
    </xf>
    <xf numFmtId="38" fontId="3" fillId="0" borderId="6" xfId="2" applyFont="1" applyFill="1" applyBorder="1" applyAlignment="1">
      <alignment horizontal="distributed" vertical="center"/>
    </xf>
    <xf numFmtId="38" fontId="3" fillId="0" borderId="7" xfId="2" applyFont="1" applyFill="1" applyBorder="1" applyAlignment="1">
      <alignment horizontal="distributed" vertical="center"/>
    </xf>
    <xf numFmtId="38" fontId="7" fillId="0" borderId="0" xfId="2" applyFont="1" applyFill="1" applyBorder="1" applyAlignment="1">
      <alignment vertical="center"/>
    </xf>
    <xf numFmtId="3" fontId="3" fillId="0" borderId="0" xfId="2" applyNumberFormat="1" applyFont="1" applyFill="1" applyBorder="1" applyAlignment="1">
      <alignment vertical="center"/>
    </xf>
    <xf numFmtId="38" fontId="3" fillId="0" borderId="0" xfId="2" applyFont="1" applyFill="1" applyBorder="1" applyAlignment="1">
      <alignment horizontal="center" vertical="center" wrapText="1"/>
    </xf>
    <xf numFmtId="176" fontId="3" fillId="0" borderId="0" xfId="1" quotePrefix="1" applyNumberFormat="1" applyFont="1" applyFill="1" applyBorder="1"/>
    <xf numFmtId="3" fontId="3" fillId="0" borderId="4" xfId="2" applyNumberFormat="1" applyFont="1" applyFill="1" applyBorder="1" applyAlignment="1">
      <alignment vertical="center"/>
    </xf>
    <xf numFmtId="38" fontId="3" fillId="0" borderId="3" xfId="2" applyFont="1" applyFill="1" applyBorder="1" applyAlignment="1">
      <alignment vertical="center"/>
    </xf>
    <xf numFmtId="3" fontId="3" fillId="0" borderId="6" xfId="2" applyNumberFormat="1" applyFont="1" applyFill="1" applyBorder="1" applyAlignment="1">
      <alignment vertical="center"/>
    </xf>
    <xf numFmtId="38" fontId="3" fillId="0" borderId="6" xfId="2" applyFont="1" applyFill="1" applyBorder="1" applyAlignment="1">
      <alignment vertical="center"/>
    </xf>
    <xf numFmtId="3" fontId="3" fillId="0" borderId="3" xfId="2" applyNumberFormat="1" applyFont="1" applyFill="1" applyBorder="1" applyAlignment="1">
      <alignment vertical="center"/>
    </xf>
    <xf numFmtId="3" fontId="3" fillId="0" borderId="7" xfId="2" applyNumberFormat="1" applyFont="1" applyFill="1" applyBorder="1" applyAlignment="1">
      <alignment vertical="center"/>
    </xf>
    <xf numFmtId="38" fontId="3" fillId="0" borderId="7" xfId="2" applyFont="1" applyFill="1" applyBorder="1" applyAlignment="1">
      <alignment vertical="center"/>
    </xf>
    <xf numFmtId="3" fontId="3" fillId="0" borderId="2" xfId="2" applyNumberFormat="1" applyFont="1" applyFill="1" applyBorder="1" applyAlignment="1">
      <alignment vertical="center"/>
    </xf>
    <xf numFmtId="38" fontId="3" fillId="0" borderId="4" xfId="2" quotePrefix="1" applyFont="1" applyFill="1" applyBorder="1"/>
    <xf numFmtId="38" fontId="3" fillId="0" borderId="0" xfId="2" quotePrefix="1" applyFont="1" applyFill="1"/>
    <xf numFmtId="38" fontId="3" fillId="0" borderId="3" xfId="2" quotePrefix="1" applyFont="1" applyFill="1" applyBorder="1"/>
    <xf numFmtId="38" fontId="3" fillId="0" borderId="6" xfId="2" quotePrefix="1" applyFont="1" applyFill="1" applyBorder="1"/>
    <xf numFmtId="38" fontId="3" fillId="0" borderId="8" xfId="2" quotePrefix="1" applyFont="1" applyFill="1" applyBorder="1"/>
    <xf numFmtId="38" fontId="3" fillId="0" borderId="9" xfId="2" quotePrefix="1" applyFont="1" applyFill="1" applyBorder="1"/>
    <xf numFmtId="38" fontId="3" fillId="0" borderId="5" xfId="2" quotePrefix="1" applyFont="1" applyFill="1" applyBorder="1"/>
    <xf numFmtId="38" fontId="3" fillId="0" borderId="0" xfId="2" quotePrefix="1" applyFont="1" applyFill="1" applyBorder="1"/>
    <xf numFmtId="38" fontId="3" fillId="0" borderId="10" xfId="2" quotePrefix="1" applyFont="1" applyFill="1" applyBorder="1"/>
    <xf numFmtId="3" fontId="3" fillId="0" borderId="3" xfId="2" quotePrefix="1" applyNumberFormat="1" applyFont="1" applyFill="1" applyBorder="1"/>
    <xf numFmtId="3" fontId="3" fillId="0" borderId="3" xfId="2" applyNumberFormat="1" applyFont="1" applyFill="1" applyBorder="1"/>
    <xf numFmtId="3" fontId="3" fillId="0" borderId="4" xfId="2" quotePrefix="1" applyNumberFormat="1" applyFont="1" applyFill="1" applyBorder="1"/>
    <xf numFmtId="3" fontId="3" fillId="0" borderId="4" xfId="2" applyNumberFormat="1" applyFont="1" applyFill="1" applyBorder="1"/>
    <xf numFmtId="3" fontId="3" fillId="0" borderId="6" xfId="2" quotePrefix="1" applyNumberFormat="1" applyFont="1" applyFill="1" applyBorder="1"/>
    <xf numFmtId="3" fontId="3" fillId="0" borderId="6" xfId="2" applyNumberFormat="1" applyFont="1" applyFill="1" applyBorder="1"/>
    <xf numFmtId="3" fontId="3" fillId="0" borderId="7" xfId="2" applyNumberFormat="1" applyFont="1" applyFill="1" applyBorder="1"/>
    <xf numFmtId="38" fontId="3" fillId="0" borderId="11" xfId="2" quotePrefix="1" applyFont="1" applyFill="1" applyBorder="1"/>
    <xf numFmtId="38" fontId="3" fillId="0" borderId="2" xfId="2" quotePrefix="1" applyFont="1" applyFill="1" applyBorder="1"/>
    <xf numFmtId="3" fontId="3" fillId="0" borderId="2" xfId="2" quotePrefix="1" applyNumberFormat="1" applyFont="1" applyFill="1" applyBorder="1"/>
    <xf numFmtId="3" fontId="3" fillId="0" borderId="2" xfId="2" applyNumberFormat="1" applyFont="1" applyFill="1" applyBorder="1"/>
    <xf numFmtId="38" fontId="3" fillId="0" borderId="7" xfId="2" quotePrefix="1" applyFont="1" applyFill="1" applyBorder="1"/>
    <xf numFmtId="0" fontId="8" fillId="0" borderId="0" xfId="0" applyFont="1" applyFill="1"/>
    <xf numFmtId="38" fontId="3" fillId="0" borderId="13" xfId="2" applyFont="1" applyFill="1" applyBorder="1" applyAlignment="1">
      <alignment vertical="center"/>
    </xf>
    <xf numFmtId="38" fontId="3" fillId="0" borderId="1" xfId="2" applyFont="1" applyFill="1" applyBorder="1" applyAlignment="1">
      <alignment vertical="center"/>
    </xf>
    <xf numFmtId="38" fontId="3" fillId="0" borderId="11" xfId="2" applyFont="1" applyFill="1" applyBorder="1" applyAlignment="1">
      <alignment vertical="center"/>
    </xf>
    <xf numFmtId="38" fontId="3" fillId="0" borderId="21" xfId="2" quotePrefix="1" applyFont="1" applyFill="1" applyBorder="1"/>
    <xf numFmtId="38" fontId="3" fillId="0" borderId="1" xfId="2" applyFont="1" applyFill="1" applyBorder="1" applyAlignment="1">
      <alignment horizontal="center" vertical="center" wrapText="1"/>
    </xf>
    <xf numFmtId="38" fontId="3" fillId="0" borderId="1" xfId="2" applyFont="1" applyFill="1" applyBorder="1" applyAlignment="1">
      <alignment horizontal="center" vertical="center"/>
    </xf>
    <xf numFmtId="38" fontId="6" fillId="0" borderId="9" xfId="2" applyFont="1" applyFill="1" applyBorder="1" applyAlignment="1">
      <alignment horizontal="center" vertical="center" wrapText="1"/>
    </xf>
    <xf numFmtId="38" fontId="6" fillId="0" borderId="5" xfId="2" applyFont="1" applyFill="1" applyBorder="1" applyAlignment="1">
      <alignment horizontal="center" vertical="center"/>
    </xf>
    <xf numFmtId="38" fontId="6" fillId="0" borderId="11" xfId="2" applyFont="1" applyFill="1" applyBorder="1" applyAlignment="1">
      <alignment horizontal="center" vertical="center"/>
    </xf>
    <xf numFmtId="38" fontId="3" fillId="0" borderId="13" xfId="2" applyFont="1" applyFill="1" applyBorder="1" applyAlignment="1">
      <alignment horizontal="distributed" vertical="center" justifyLastLine="1"/>
    </xf>
    <xf numFmtId="38" fontId="3" fillId="0" borderId="16" xfId="2" applyFont="1" applyFill="1" applyBorder="1" applyAlignment="1">
      <alignment horizontal="distributed" vertical="center" justifyLastLine="1"/>
    </xf>
    <xf numFmtId="38" fontId="3" fillId="0" borderId="14" xfId="2" applyFont="1" applyFill="1" applyBorder="1" applyAlignment="1">
      <alignment horizontal="distributed" vertical="center" justifyLastLine="1"/>
    </xf>
    <xf numFmtId="38" fontId="3" fillId="0" borderId="3" xfId="2" applyFont="1" applyFill="1" applyBorder="1" applyAlignment="1">
      <alignment horizontal="center" vertical="center" wrapText="1"/>
    </xf>
    <xf numFmtId="38" fontId="3" fillId="0" borderId="4" xfId="2" applyFont="1" applyFill="1" applyBorder="1" applyAlignment="1">
      <alignment horizontal="center" vertical="center"/>
    </xf>
    <xf numFmtId="38" fontId="3" fillId="0" borderId="2" xfId="2" applyFont="1" applyFill="1" applyBorder="1" applyAlignment="1">
      <alignment horizontal="center" vertical="center"/>
    </xf>
    <xf numFmtId="38" fontId="3" fillId="0" borderId="13" xfId="2" applyFont="1" applyFill="1" applyBorder="1" applyAlignment="1">
      <alignment horizontal="center" vertical="center" wrapText="1"/>
    </xf>
    <xf numFmtId="38" fontId="3" fillId="0" borderId="13" xfId="2" applyFont="1" applyFill="1" applyBorder="1" applyAlignment="1">
      <alignment horizontal="center" vertical="center"/>
    </xf>
    <xf numFmtId="38" fontId="3" fillId="0" borderId="17" xfId="2" applyFont="1" applyFill="1" applyBorder="1" applyAlignment="1">
      <alignment horizontal="center" vertical="center" wrapText="1"/>
    </xf>
    <xf numFmtId="38" fontId="3" fillId="0" borderId="12" xfId="2" applyFont="1" applyFill="1" applyBorder="1" applyAlignment="1">
      <alignment horizontal="center" vertical="center"/>
    </xf>
    <xf numFmtId="38" fontId="3" fillId="0" borderId="15" xfId="2" applyFont="1" applyFill="1" applyBorder="1" applyAlignment="1">
      <alignment horizontal="center" vertical="center"/>
    </xf>
    <xf numFmtId="38" fontId="3" fillId="0" borderId="16" xfId="2" applyFont="1" applyFill="1" applyBorder="1" applyAlignment="1">
      <alignment horizontal="center" vertical="center"/>
    </xf>
    <xf numFmtId="38" fontId="3" fillId="0" borderId="14" xfId="2" applyFont="1" applyFill="1" applyBorder="1" applyAlignment="1">
      <alignment horizontal="center" vertical="center"/>
    </xf>
    <xf numFmtId="38" fontId="6" fillId="0" borderId="3" xfId="2" applyFont="1" applyFill="1" applyBorder="1" applyAlignment="1">
      <alignment horizontal="center" vertical="center" wrapText="1"/>
    </xf>
    <xf numFmtId="38" fontId="6" fillId="0" borderId="4" xfId="2" applyFont="1" applyFill="1" applyBorder="1" applyAlignment="1">
      <alignment horizontal="center" vertical="center"/>
    </xf>
    <xf numFmtId="38" fontId="6" fillId="0" borderId="2" xfId="2" applyFont="1" applyFill="1" applyBorder="1" applyAlignment="1">
      <alignment horizontal="center" vertical="center"/>
    </xf>
    <xf numFmtId="38" fontId="3" fillId="0" borderId="1" xfId="2" applyFont="1" applyFill="1" applyBorder="1" applyAlignment="1">
      <alignment horizontal="distributed" vertical="center" justifyLastLine="1"/>
    </xf>
    <xf numFmtId="38" fontId="3" fillId="0" borderId="3" xfId="2" applyFont="1" applyFill="1" applyBorder="1" applyAlignment="1">
      <alignment horizontal="distributed" vertical="center" justifyLastLine="1"/>
    </xf>
    <xf numFmtId="38" fontId="3" fillId="0" borderId="4" xfId="2" applyFont="1" applyFill="1" applyBorder="1" applyAlignment="1">
      <alignment horizontal="distributed" vertical="center" justifyLastLine="1"/>
    </xf>
    <xf numFmtId="38" fontId="3" fillId="0" borderId="2" xfId="2" applyFont="1" applyFill="1" applyBorder="1" applyAlignment="1">
      <alignment horizontal="distributed" vertical="center" justifyLastLine="1"/>
    </xf>
    <xf numFmtId="3" fontId="3" fillId="0" borderId="18" xfId="2" applyNumberFormat="1" applyFont="1" applyFill="1" applyBorder="1" applyAlignment="1"/>
    <xf numFmtId="0" fontId="8" fillId="0" borderId="19" xfId="0" applyFont="1" applyFill="1" applyBorder="1" applyAlignment="1"/>
    <xf numFmtId="0" fontId="8" fillId="0" borderId="20" xfId="0" applyFont="1" applyFill="1" applyBorder="1" applyAlignment="1"/>
    <xf numFmtId="38" fontId="3" fillId="0" borderId="4" xfId="2" applyFont="1" applyFill="1" applyBorder="1" applyAlignment="1">
      <alignment horizontal="center" vertical="center" wrapText="1"/>
    </xf>
    <xf numFmtId="38" fontId="3" fillId="0" borderId="2" xfId="2" applyFont="1" applyFill="1" applyBorder="1" applyAlignment="1">
      <alignment horizontal="center" vertical="center" wrapText="1"/>
    </xf>
    <xf numFmtId="38" fontId="3" fillId="0" borderId="3" xfId="2" applyFont="1" applyFill="1" applyBorder="1" applyAlignment="1">
      <alignment horizontal="center" vertical="center" wrapText="1" justifyLastLine="1"/>
    </xf>
    <xf numFmtId="38" fontId="3" fillId="0" borderId="4" xfId="2" applyFont="1" applyFill="1" applyBorder="1" applyAlignment="1">
      <alignment horizontal="center" vertical="center" justifyLastLine="1"/>
    </xf>
    <xf numFmtId="38" fontId="3" fillId="0" borderId="2" xfId="2" applyFont="1" applyFill="1" applyBorder="1" applyAlignment="1">
      <alignment horizontal="center" vertical="center" justifyLastLine="1"/>
    </xf>
    <xf numFmtId="38" fontId="3" fillId="0" borderId="3" xfId="2" applyFont="1" applyFill="1" applyBorder="1" applyAlignment="1">
      <alignment horizontal="center" vertical="center" justifyLastLine="1"/>
    </xf>
    <xf numFmtId="38" fontId="3" fillId="0" borderId="13" xfId="2" applyFont="1" applyFill="1" applyBorder="1" applyAlignment="1">
      <alignment horizontal="center" vertical="center" justifyLastLine="1"/>
    </xf>
    <xf numFmtId="38" fontId="3" fillId="0" borderId="16" xfId="2" applyFont="1" applyFill="1" applyBorder="1" applyAlignment="1">
      <alignment horizontal="center" vertical="center" justifyLastLine="1"/>
    </xf>
    <xf numFmtId="38" fontId="3" fillId="0" borderId="14" xfId="2" applyFont="1" applyFill="1" applyBorder="1" applyAlignment="1">
      <alignment horizontal="center" vertical="center" justifyLastLine="1"/>
    </xf>
    <xf numFmtId="38" fontId="3" fillId="0" borderId="3" xfId="2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 wrapText="1"/>
    </xf>
    <xf numFmtId="0" fontId="8" fillId="0" borderId="2" xfId="0" applyFont="1" applyFill="1" applyBorder="1" applyAlignment="1">
      <alignment horizontal="center" vertical="center" wrapText="1"/>
    </xf>
    <xf numFmtId="38" fontId="3" fillId="0" borderId="16" xfId="2" applyFont="1" applyFill="1" applyBorder="1" applyAlignment="1">
      <alignment horizontal="center" vertical="center" wrapText="1"/>
    </xf>
    <xf numFmtId="38" fontId="3" fillId="0" borderId="14" xfId="2" applyFont="1" applyFill="1" applyBorder="1" applyAlignment="1">
      <alignment horizontal="center" vertical="center" wrapText="1"/>
    </xf>
    <xf numFmtId="38" fontId="3" fillId="0" borderId="4" xfId="2" applyFont="1" applyFill="1" applyBorder="1" applyAlignment="1">
      <alignment horizontal="center" vertical="center" wrapText="1" justifyLastLine="1"/>
    </xf>
    <xf numFmtId="38" fontId="3" fillId="0" borderId="2" xfId="2" applyFont="1" applyFill="1" applyBorder="1" applyAlignment="1">
      <alignment horizontal="center" vertical="center" wrapText="1" justifyLastLine="1"/>
    </xf>
  </cellXfs>
  <cellStyles count="3">
    <cellStyle name="パーセント" xfId="1" builtinId="5"/>
    <cellStyle name="桁区切り" xfId="2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9525</xdr:rowOff>
    </xdr:from>
    <xdr:to>
      <xdr:col>1</xdr:col>
      <xdr:colOff>0</xdr:colOff>
      <xdr:row>7</xdr:row>
      <xdr:rowOff>0</xdr:rowOff>
    </xdr:to>
    <xdr:sp macro="" textlink="">
      <xdr:nvSpPr>
        <xdr:cNvPr id="3151" name="Line 1"/>
        <xdr:cNvSpPr>
          <a:spLocks noChangeShapeType="1"/>
        </xdr:cNvSpPr>
      </xdr:nvSpPr>
      <xdr:spPr bwMode="auto">
        <a:xfrm flipH="1" flipV="1">
          <a:off x="0" y="533400"/>
          <a:ext cx="895350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9525</xdr:rowOff>
    </xdr:from>
    <xdr:to>
      <xdr:col>1</xdr:col>
      <xdr:colOff>0</xdr:colOff>
      <xdr:row>7</xdr:row>
      <xdr:rowOff>0</xdr:rowOff>
    </xdr:to>
    <xdr:sp macro="" textlink="">
      <xdr:nvSpPr>
        <xdr:cNvPr id="4175" name="Line 1"/>
        <xdr:cNvSpPr>
          <a:spLocks noChangeShapeType="1"/>
        </xdr:cNvSpPr>
      </xdr:nvSpPr>
      <xdr:spPr bwMode="auto">
        <a:xfrm flipH="1" flipV="1">
          <a:off x="0" y="533400"/>
          <a:ext cx="962025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9525</xdr:rowOff>
    </xdr:from>
    <xdr:to>
      <xdr:col>1</xdr:col>
      <xdr:colOff>0</xdr:colOff>
      <xdr:row>5</xdr:row>
      <xdr:rowOff>0</xdr:rowOff>
    </xdr:to>
    <xdr:sp macro="" textlink="">
      <xdr:nvSpPr>
        <xdr:cNvPr id="5199" name="Line 1"/>
        <xdr:cNvSpPr>
          <a:spLocks noChangeShapeType="1"/>
        </xdr:cNvSpPr>
      </xdr:nvSpPr>
      <xdr:spPr bwMode="auto">
        <a:xfrm flipH="1" flipV="1">
          <a:off x="0" y="161925"/>
          <a:ext cx="962025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9525</xdr:rowOff>
    </xdr:from>
    <xdr:to>
      <xdr:col>1</xdr:col>
      <xdr:colOff>0</xdr:colOff>
      <xdr:row>7</xdr:row>
      <xdr:rowOff>0</xdr:rowOff>
    </xdr:to>
    <xdr:sp macro="" textlink="">
      <xdr:nvSpPr>
        <xdr:cNvPr id="20559" name="Line 1"/>
        <xdr:cNvSpPr>
          <a:spLocks noChangeShapeType="1"/>
        </xdr:cNvSpPr>
      </xdr:nvSpPr>
      <xdr:spPr bwMode="auto">
        <a:xfrm flipH="1" flipV="1">
          <a:off x="0" y="533400"/>
          <a:ext cx="828675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9525</xdr:rowOff>
    </xdr:from>
    <xdr:to>
      <xdr:col>1</xdr:col>
      <xdr:colOff>0</xdr:colOff>
      <xdr:row>5</xdr:row>
      <xdr:rowOff>0</xdr:rowOff>
    </xdr:to>
    <xdr:sp macro="" textlink="">
      <xdr:nvSpPr>
        <xdr:cNvPr id="21583" name="Line 1"/>
        <xdr:cNvSpPr>
          <a:spLocks noChangeShapeType="1"/>
        </xdr:cNvSpPr>
      </xdr:nvSpPr>
      <xdr:spPr bwMode="auto">
        <a:xfrm flipH="1" flipV="1">
          <a:off x="0" y="161925"/>
          <a:ext cx="962025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3"/>
  <sheetViews>
    <sheetView tabSelected="1" zoomScaleNormal="100" workbookViewId="0">
      <pane xSplit="1" ySplit="7" topLeftCell="B8" activePane="bottomRight" state="frozen"/>
      <selection activeCell="D20" sqref="D20"/>
      <selection pane="topRight" activeCell="D20" sqref="D20"/>
      <selection pane="bottomLeft" activeCell="D20" sqref="D20"/>
      <selection pane="bottomRight"/>
    </sheetView>
  </sheetViews>
  <sheetFormatPr defaultColWidth="12.6328125" defaultRowHeight="11.15" customHeight="1" x14ac:dyDescent="0.2"/>
  <cols>
    <col min="1" max="1" width="11.81640625" style="3" customWidth="1"/>
    <col min="2" max="2" width="9.08984375" style="3" customWidth="1"/>
    <col min="3" max="3" width="8.1796875" style="3" customWidth="1"/>
    <col min="4" max="4" width="8.1796875" style="3" bestFit="1" customWidth="1"/>
    <col min="5" max="5" width="7.36328125" style="3" customWidth="1"/>
    <col min="6" max="13" width="7" style="3" customWidth="1"/>
    <col min="14" max="14" width="8" style="3" customWidth="1"/>
    <col min="15" max="16" width="8.90625" style="3" customWidth="1"/>
    <col min="17" max="16384" width="12.6328125" style="3"/>
  </cols>
  <sheetData>
    <row r="1" spans="1:16" ht="15.75" customHeight="1" x14ac:dyDescent="0.2">
      <c r="A1" s="4" t="s">
        <v>89</v>
      </c>
    </row>
    <row r="2" spans="1:16" ht="13.5" customHeight="1" x14ac:dyDescent="0.2">
      <c r="A2" s="5" t="s">
        <v>38</v>
      </c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6"/>
      <c r="P2" s="6"/>
    </row>
    <row r="3" spans="1:16" ht="12" customHeight="1" x14ac:dyDescent="0.2">
      <c r="B3" s="6"/>
      <c r="C3" s="6"/>
      <c r="D3" s="6"/>
      <c r="E3" s="6"/>
      <c r="F3" s="6"/>
      <c r="G3" s="6"/>
      <c r="H3" s="6"/>
      <c r="I3" s="6"/>
      <c r="J3" s="6"/>
      <c r="K3" s="6"/>
      <c r="L3" s="7"/>
      <c r="M3" s="6"/>
      <c r="N3" s="6"/>
      <c r="O3" s="6"/>
      <c r="P3" s="7" t="s">
        <v>39</v>
      </c>
    </row>
    <row r="4" spans="1:16" ht="12" customHeight="1" x14ac:dyDescent="0.2">
      <c r="A4" s="8" t="s">
        <v>33</v>
      </c>
      <c r="B4" s="58" t="s">
        <v>40</v>
      </c>
      <c r="C4" s="59"/>
      <c r="D4" s="60"/>
      <c r="E4" s="65" t="s">
        <v>41</v>
      </c>
      <c r="F4" s="69"/>
      <c r="G4" s="69"/>
      <c r="H4" s="69"/>
      <c r="I4" s="69"/>
      <c r="J4" s="69"/>
      <c r="K4" s="69"/>
      <c r="L4" s="69"/>
      <c r="M4" s="69"/>
      <c r="N4" s="70"/>
      <c r="O4" s="61" t="s">
        <v>42</v>
      </c>
      <c r="P4" s="66" t="s">
        <v>43</v>
      </c>
    </row>
    <row r="5" spans="1:16" ht="12" customHeight="1" x14ac:dyDescent="0.2">
      <c r="A5" s="9"/>
      <c r="B5" s="64" t="s">
        <v>44</v>
      </c>
      <c r="C5" s="53" t="s">
        <v>45</v>
      </c>
      <c r="D5" s="53" t="s">
        <v>34</v>
      </c>
      <c r="E5" s="71" t="s">
        <v>75</v>
      </c>
      <c r="F5" s="55" t="s">
        <v>76</v>
      </c>
      <c r="G5" s="55" t="s">
        <v>77</v>
      </c>
      <c r="H5" s="55" t="s">
        <v>78</v>
      </c>
      <c r="I5" s="55" t="s">
        <v>79</v>
      </c>
      <c r="J5" s="55" t="s">
        <v>80</v>
      </c>
      <c r="K5" s="55" t="s">
        <v>81</v>
      </c>
      <c r="L5" s="71" t="s">
        <v>82</v>
      </c>
      <c r="M5" s="55" t="s">
        <v>46</v>
      </c>
      <c r="N5" s="53" t="s">
        <v>34</v>
      </c>
      <c r="O5" s="62"/>
      <c r="P5" s="67"/>
    </row>
    <row r="6" spans="1:16" ht="12" customHeight="1" x14ac:dyDescent="0.2">
      <c r="A6" s="9"/>
      <c r="B6" s="65"/>
      <c r="C6" s="54"/>
      <c r="D6" s="54"/>
      <c r="E6" s="72"/>
      <c r="F6" s="56"/>
      <c r="G6" s="56"/>
      <c r="H6" s="56"/>
      <c r="I6" s="56"/>
      <c r="J6" s="56"/>
      <c r="K6" s="56"/>
      <c r="L6" s="72"/>
      <c r="M6" s="56"/>
      <c r="N6" s="54"/>
      <c r="O6" s="62"/>
      <c r="P6" s="67"/>
    </row>
    <row r="7" spans="1:16" ht="12" customHeight="1" x14ac:dyDescent="0.2">
      <c r="A7" s="10" t="s">
        <v>35</v>
      </c>
      <c r="B7" s="65"/>
      <c r="C7" s="54"/>
      <c r="D7" s="54"/>
      <c r="E7" s="73"/>
      <c r="F7" s="57"/>
      <c r="G7" s="57"/>
      <c r="H7" s="57"/>
      <c r="I7" s="57"/>
      <c r="J7" s="57"/>
      <c r="K7" s="57"/>
      <c r="L7" s="73"/>
      <c r="M7" s="57"/>
      <c r="N7" s="54"/>
      <c r="O7" s="63"/>
      <c r="P7" s="68"/>
    </row>
    <row r="8" spans="1:16" ht="12" customHeight="1" x14ac:dyDescent="0.2">
      <c r="A8" s="11" t="s">
        <v>36</v>
      </c>
      <c r="B8" s="19">
        <v>1969171</v>
      </c>
      <c r="C8" s="19">
        <v>5815</v>
      </c>
      <c r="D8" s="20">
        <v>1974986</v>
      </c>
      <c r="E8" s="19">
        <v>832</v>
      </c>
      <c r="F8" s="19">
        <v>364</v>
      </c>
      <c r="G8" s="19">
        <v>4216</v>
      </c>
      <c r="H8" s="19">
        <v>686</v>
      </c>
      <c r="I8" s="19">
        <v>4699</v>
      </c>
      <c r="J8" s="19">
        <v>1277</v>
      </c>
      <c r="K8" s="19">
        <v>14369</v>
      </c>
      <c r="L8" s="19">
        <v>752</v>
      </c>
      <c r="M8" s="19">
        <v>90049</v>
      </c>
      <c r="N8" s="20">
        <v>117244</v>
      </c>
      <c r="O8" s="19">
        <v>1897817</v>
      </c>
      <c r="P8" s="19">
        <v>115485</v>
      </c>
    </row>
    <row r="9" spans="1:16" ht="12" customHeight="1" x14ac:dyDescent="0.2">
      <c r="A9" s="12" t="s">
        <v>0</v>
      </c>
      <c r="B9" s="19">
        <v>841647</v>
      </c>
      <c r="C9" s="19">
        <v>1480</v>
      </c>
      <c r="D9" s="9">
        <v>843127</v>
      </c>
      <c r="E9" s="19">
        <v>305</v>
      </c>
      <c r="F9" s="19">
        <v>134</v>
      </c>
      <c r="G9" s="19">
        <v>1842</v>
      </c>
      <c r="H9" s="19">
        <v>267</v>
      </c>
      <c r="I9" s="19">
        <v>1768</v>
      </c>
      <c r="J9" s="19">
        <v>413</v>
      </c>
      <c r="K9" s="19">
        <v>5819</v>
      </c>
      <c r="L9" s="19">
        <v>198</v>
      </c>
      <c r="M9" s="19">
        <v>40141</v>
      </c>
      <c r="N9" s="9">
        <v>50887</v>
      </c>
      <c r="O9" s="19">
        <v>815545</v>
      </c>
      <c r="P9" s="19">
        <v>46859</v>
      </c>
    </row>
    <row r="10" spans="1:16" ht="12" customHeight="1" x14ac:dyDescent="0.2">
      <c r="A10" s="12" t="s">
        <v>8</v>
      </c>
      <c r="B10" s="19">
        <v>370443</v>
      </c>
      <c r="C10" s="19">
        <v>151</v>
      </c>
      <c r="D10" s="9">
        <v>370594</v>
      </c>
      <c r="E10" s="19">
        <v>97</v>
      </c>
      <c r="F10" s="19">
        <v>32</v>
      </c>
      <c r="G10" s="19">
        <v>727</v>
      </c>
      <c r="H10" s="19">
        <v>115</v>
      </c>
      <c r="I10" s="19">
        <v>653</v>
      </c>
      <c r="J10" s="19">
        <v>215</v>
      </c>
      <c r="K10" s="19">
        <v>2296</v>
      </c>
      <c r="L10" s="19">
        <v>86</v>
      </c>
      <c r="M10" s="19">
        <v>14143</v>
      </c>
      <c r="N10" s="9">
        <v>18364</v>
      </c>
      <c r="O10" s="19">
        <v>355444</v>
      </c>
      <c r="P10" s="19">
        <v>17091</v>
      </c>
    </row>
    <row r="11" spans="1:16" ht="12" customHeight="1" x14ac:dyDescent="0.2">
      <c r="A11" s="11" t="s">
        <v>1</v>
      </c>
      <c r="B11" s="23">
        <v>200711</v>
      </c>
      <c r="C11" s="23">
        <v>256</v>
      </c>
      <c r="D11" s="20">
        <v>200967</v>
      </c>
      <c r="E11" s="23">
        <v>51</v>
      </c>
      <c r="F11" s="23">
        <v>22</v>
      </c>
      <c r="G11" s="23">
        <v>325</v>
      </c>
      <c r="H11" s="23">
        <v>46</v>
      </c>
      <c r="I11" s="23">
        <v>232</v>
      </c>
      <c r="J11" s="23">
        <v>96</v>
      </c>
      <c r="K11" s="23">
        <v>966</v>
      </c>
      <c r="L11" s="23">
        <v>53</v>
      </c>
      <c r="M11" s="23">
        <v>6740</v>
      </c>
      <c r="N11" s="20">
        <v>8531</v>
      </c>
      <c r="O11" s="23">
        <v>191669</v>
      </c>
      <c r="P11" s="23">
        <v>8495</v>
      </c>
    </row>
    <row r="12" spans="1:16" ht="12" customHeight="1" x14ac:dyDescent="0.2">
      <c r="A12" s="12" t="s">
        <v>2</v>
      </c>
      <c r="B12" s="19">
        <v>129090</v>
      </c>
      <c r="C12" s="19">
        <v>111</v>
      </c>
      <c r="D12" s="9">
        <v>129201</v>
      </c>
      <c r="E12" s="19">
        <v>49</v>
      </c>
      <c r="F12" s="19">
        <v>25</v>
      </c>
      <c r="G12" s="19">
        <v>329</v>
      </c>
      <c r="H12" s="19">
        <v>63</v>
      </c>
      <c r="I12" s="19">
        <v>272</v>
      </c>
      <c r="J12" s="19">
        <v>82</v>
      </c>
      <c r="K12" s="19">
        <v>924</v>
      </c>
      <c r="L12" s="19">
        <v>61</v>
      </c>
      <c r="M12" s="19">
        <v>5305</v>
      </c>
      <c r="N12" s="9">
        <v>7110</v>
      </c>
      <c r="O12" s="19">
        <v>123386</v>
      </c>
      <c r="P12" s="19">
        <v>7059</v>
      </c>
    </row>
    <row r="13" spans="1:16" ht="12" customHeight="1" x14ac:dyDescent="0.2">
      <c r="A13" s="12" t="s">
        <v>3</v>
      </c>
      <c r="B13" s="19">
        <v>90120</v>
      </c>
      <c r="C13" s="19">
        <v>243</v>
      </c>
      <c r="D13" s="9">
        <v>90363</v>
      </c>
      <c r="E13" s="19">
        <v>23</v>
      </c>
      <c r="F13" s="19">
        <v>14</v>
      </c>
      <c r="G13" s="19">
        <v>194</v>
      </c>
      <c r="H13" s="19">
        <v>19</v>
      </c>
      <c r="I13" s="19">
        <v>174</v>
      </c>
      <c r="J13" s="19">
        <v>39</v>
      </c>
      <c r="K13" s="19">
        <v>615</v>
      </c>
      <c r="L13" s="19">
        <v>16</v>
      </c>
      <c r="M13" s="19">
        <v>5733</v>
      </c>
      <c r="N13" s="9">
        <v>6827</v>
      </c>
      <c r="O13" s="19">
        <v>86094</v>
      </c>
      <c r="P13" s="19">
        <v>6827</v>
      </c>
    </row>
    <row r="14" spans="1:16" ht="12" customHeight="1" x14ac:dyDescent="0.2">
      <c r="A14" s="12" t="s">
        <v>4</v>
      </c>
      <c r="B14" s="19">
        <v>223188</v>
      </c>
      <c r="C14" s="19">
        <v>73</v>
      </c>
      <c r="D14" s="9">
        <v>223261</v>
      </c>
      <c r="E14" s="19">
        <v>95</v>
      </c>
      <c r="F14" s="19">
        <v>35</v>
      </c>
      <c r="G14" s="19">
        <v>445</v>
      </c>
      <c r="H14" s="19">
        <v>74</v>
      </c>
      <c r="I14" s="19">
        <v>433</v>
      </c>
      <c r="J14" s="19">
        <v>112</v>
      </c>
      <c r="K14" s="19">
        <v>1237</v>
      </c>
      <c r="L14" s="19">
        <v>65</v>
      </c>
      <c r="M14" s="19">
        <v>8056</v>
      </c>
      <c r="N14" s="9">
        <v>10552</v>
      </c>
      <c r="O14" s="19">
        <v>214852</v>
      </c>
      <c r="P14" s="19">
        <v>10380</v>
      </c>
    </row>
    <row r="15" spans="1:16" ht="12" customHeight="1" x14ac:dyDescent="0.2">
      <c r="A15" s="12" t="s">
        <v>5</v>
      </c>
      <c r="B15" s="19">
        <v>97161</v>
      </c>
      <c r="C15" s="19">
        <v>39</v>
      </c>
      <c r="D15" s="9">
        <v>97200</v>
      </c>
      <c r="E15" s="19">
        <v>41</v>
      </c>
      <c r="F15" s="19">
        <v>20</v>
      </c>
      <c r="G15" s="19">
        <v>262</v>
      </c>
      <c r="H15" s="19">
        <v>27</v>
      </c>
      <c r="I15" s="19">
        <v>204</v>
      </c>
      <c r="J15" s="19">
        <v>75</v>
      </c>
      <c r="K15" s="19">
        <v>719</v>
      </c>
      <c r="L15" s="19">
        <v>41</v>
      </c>
      <c r="M15" s="19">
        <v>4014</v>
      </c>
      <c r="N15" s="9">
        <v>5403</v>
      </c>
      <c r="O15" s="19">
        <v>92156</v>
      </c>
      <c r="P15" s="19">
        <v>5352</v>
      </c>
    </row>
    <row r="16" spans="1:16" ht="12" customHeight="1" x14ac:dyDescent="0.2">
      <c r="A16" s="13" t="s">
        <v>6</v>
      </c>
      <c r="B16" s="21">
        <v>122224</v>
      </c>
      <c r="C16" s="21">
        <v>2</v>
      </c>
      <c r="D16" s="22">
        <v>122226</v>
      </c>
      <c r="E16" s="21">
        <v>23</v>
      </c>
      <c r="F16" s="21">
        <v>8</v>
      </c>
      <c r="G16" s="21">
        <v>170</v>
      </c>
      <c r="H16" s="21">
        <v>22</v>
      </c>
      <c r="I16" s="21">
        <v>146</v>
      </c>
      <c r="J16" s="21">
        <v>39</v>
      </c>
      <c r="K16" s="21">
        <v>460</v>
      </c>
      <c r="L16" s="21">
        <v>25</v>
      </c>
      <c r="M16" s="21">
        <v>4260</v>
      </c>
      <c r="N16" s="22">
        <v>5153</v>
      </c>
      <c r="O16" s="21">
        <v>117207</v>
      </c>
      <c r="P16" s="21">
        <v>5087</v>
      </c>
    </row>
    <row r="17" spans="1:16" ht="12" customHeight="1" x14ac:dyDescent="0.2">
      <c r="A17" s="14" t="s">
        <v>7</v>
      </c>
      <c r="B17" s="19">
        <v>29633</v>
      </c>
      <c r="C17" s="19">
        <v>0</v>
      </c>
      <c r="D17" s="9">
        <v>29633</v>
      </c>
      <c r="E17" s="19">
        <v>4</v>
      </c>
      <c r="F17" s="19">
        <v>1</v>
      </c>
      <c r="G17" s="19">
        <v>58</v>
      </c>
      <c r="H17" s="19">
        <v>4</v>
      </c>
      <c r="I17" s="19">
        <v>40</v>
      </c>
      <c r="J17" s="19">
        <v>8</v>
      </c>
      <c r="K17" s="19">
        <v>162</v>
      </c>
      <c r="L17" s="19">
        <v>6</v>
      </c>
      <c r="M17" s="19">
        <v>1371</v>
      </c>
      <c r="N17" s="9">
        <v>1654</v>
      </c>
      <c r="O17" s="19">
        <v>28276</v>
      </c>
      <c r="P17" s="19">
        <v>1626</v>
      </c>
    </row>
    <row r="18" spans="1:16" ht="12" customHeight="1" x14ac:dyDescent="0.2">
      <c r="A18" s="12" t="s">
        <v>9</v>
      </c>
      <c r="B18" s="19">
        <v>20895</v>
      </c>
      <c r="C18" s="19">
        <v>267</v>
      </c>
      <c r="D18" s="9">
        <v>21162</v>
      </c>
      <c r="E18" s="19">
        <v>6</v>
      </c>
      <c r="F18" s="19">
        <v>2</v>
      </c>
      <c r="G18" s="19">
        <v>36</v>
      </c>
      <c r="H18" s="19">
        <v>5</v>
      </c>
      <c r="I18" s="19">
        <v>27</v>
      </c>
      <c r="J18" s="19">
        <v>3</v>
      </c>
      <c r="K18" s="19">
        <v>138</v>
      </c>
      <c r="L18" s="19">
        <v>3</v>
      </c>
      <c r="M18" s="19">
        <v>949</v>
      </c>
      <c r="N18" s="9">
        <v>1169</v>
      </c>
      <c r="O18" s="19">
        <v>19587</v>
      </c>
      <c r="P18" s="19">
        <v>1117</v>
      </c>
    </row>
    <row r="19" spans="1:16" ht="12" customHeight="1" x14ac:dyDescent="0.2">
      <c r="A19" s="12" t="s">
        <v>10</v>
      </c>
      <c r="B19" s="19">
        <v>80686</v>
      </c>
      <c r="C19" s="19">
        <v>0</v>
      </c>
      <c r="D19" s="9">
        <v>80686</v>
      </c>
      <c r="E19" s="19">
        <v>27</v>
      </c>
      <c r="F19" s="19">
        <v>8</v>
      </c>
      <c r="G19" s="19">
        <v>145</v>
      </c>
      <c r="H19" s="19">
        <v>26</v>
      </c>
      <c r="I19" s="19">
        <v>117</v>
      </c>
      <c r="J19" s="19">
        <v>41</v>
      </c>
      <c r="K19" s="19">
        <v>383</v>
      </c>
      <c r="L19" s="19">
        <v>19</v>
      </c>
      <c r="M19" s="19">
        <v>2368</v>
      </c>
      <c r="N19" s="9">
        <v>3134</v>
      </c>
      <c r="O19" s="19">
        <v>76704</v>
      </c>
      <c r="P19" s="19">
        <v>3129</v>
      </c>
    </row>
    <row r="20" spans="1:16" ht="12" customHeight="1" x14ac:dyDescent="0.2">
      <c r="A20" s="12" t="s">
        <v>11</v>
      </c>
      <c r="B20" s="19">
        <v>116294</v>
      </c>
      <c r="C20" s="19">
        <v>88</v>
      </c>
      <c r="D20" s="9">
        <v>116382</v>
      </c>
      <c r="E20" s="19">
        <v>77</v>
      </c>
      <c r="F20" s="19">
        <v>40</v>
      </c>
      <c r="G20" s="19">
        <v>513</v>
      </c>
      <c r="H20" s="19">
        <v>77</v>
      </c>
      <c r="I20" s="19">
        <v>465</v>
      </c>
      <c r="J20" s="19">
        <v>129</v>
      </c>
      <c r="K20" s="19">
        <v>1077</v>
      </c>
      <c r="L20" s="19">
        <v>66</v>
      </c>
      <c r="M20" s="19">
        <v>4866</v>
      </c>
      <c r="N20" s="9">
        <v>7310</v>
      </c>
      <c r="O20" s="19">
        <v>111618</v>
      </c>
      <c r="P20" s="19">
        <v>7258</v>
      </c>
    </row>
    <row r="21" spans="1:16" ht="12" customHeight="1" x14ac:dyDescent="0.2">
      <c r="A21" s="13" t="s">
        <v>12</v>
      </c>
      <c r="B21" s="21">
        <v>125249</v>
      </c>
      <c r="C21" s="21">
        <v>0</v>
      </c>
      <c r="D21" s="22">
        <v>125249</v>
      </c>
      <c r="E21" s="21">
        <v>34</v>
      </c>
      <c r="F21" s="21">
        <v>18</v>
      </c>
      <c r="G21" s="21">
        <v>278</v>
      </c>
      <c r="H21" s="21">
        <v>36</v>
      </c>
      <c r="I21" s="21">
        <v>220</v>
      </c>
      <c r="J21" s="21">
        <v>72</v>
      </c>
      <c r="K21" s="21">
        <v>721</v>
      </c>
      <c r="L21" s="21">
        <v>42</v>
      </c>
      <c r="M21" s="21">
        <v>4711</v>
      </c>
      <c r="N21" s="22">
        <v>6132</v>
      </c>
      <c r="O21" s="21">
        <v>120417</v>
      </c>
      <c r="P21" s="21">
        <v>6046</v>
      </c>
    </row>
    <row r="22" spans="1:16" ht="12" customHeight="1" x14ac:dyDescent="0.2">
      <c r="A22" s="14" t="s">
        <v>13</v>
      </c>
      <c r="B22" s="19">
        <v>53386</v>
      </c>
      <c r="C22" s="19">
        <v>0</v>
      </c>
      <c r="D22" s="9">
        <v>53386</v>
      </c>
      <c r="E22" s="19">
        <v>23</v>
      </c>
      <c r="F22" s="19">
        <v>17</v>
      </c>
      <c r="G22" s="19">
        <v>124</v>
      </c>
      <c r="H22" s="19">
        <v>18</v>
      </c>
      <c r="I22" s="19">
        <v>122</v>
      </c>
      <c r="J22" s="19">
        <v>42</v>
      </c>
      <c r="K22" s="19">
        <v>366</v>
      </c>
      <c r="L22" s="19">
        <v>9</v>
      </c>
      <c r="M22" s="19">
        <v>2183</v>
      </c>
      <c r="N22" s="9">
        <v>2904</v>
      </c>
      <c r="O22" s="19">
        <v>50381</v>
      </c>
      <c r="P22" s="19">
        <v>2881</v>
      </c>
    </row>
    <row r="23" spans="1:16" ht="12" customHeight="1" x14ac:dyDescent="0.2">
      <c r="A23" s="12" t="s">
        <v>14</v>
      </c>
      <c r="B23" s="19">
        <v>69553</v>
      </c>
      <c r="C23" s="19">
        <v>0</v>
      </c>
      <c r="D23" s="9">
        <v>69553</v>
      </c>
      <c r="E23" s="19">
        <v>34</v>
      </c>
      <c r="F23" s="19">
        <v>8</v>
      </c>
      <c r="G23" s="19">
        <v>213</v>
      </c>
      <c r="H23" s="19">
        <v>26</v>
      </c>
      <c r="I23" s="19">
        <v>208</v>
      </c>
      <c r="J23" s="19">
        <v>49</v>
      </c>
      <c r="K23" s="19">
        <v>505</v>
      </c>
      <c r="L23" s="19">
        <v>24</v>
      </c>
      <c r="M23" s="19">
        <v>2063</v>
      </c>
      <c r="N23" s="9">
        <v>3130</v>
      </c>
      <c r="O23" s="19">
        <v>65862</v>
      </c>
      <c r="P23" s="19">
        <v>3065</v>
      </c>
    </row>
    <row r="24" spans="1:16" ht="12" customHeight="1" x14ac:dyDescent="0.2">
      <c r="A24" s="12" t="s">
        <v>15</v>
      </c>
      <c r="B24" s="19">
        <v>67943</v>
      </c>
      <c r="C24" s="19">
        <v>0</v>
      </c>
      <c r="D24" s="9">
        <v>67943</v>
      </c>
      <c r="E24" s="19">
        <v>27</v>
      </c>
      <c r="F24" s="19">
        <v>12</v>
      </c>
      <c r="G24" s="19">
        <v>172</v>
      </c>
      <c r="H24" s="19">
        <v>19</v>
      </c>
      <c r="I24" s="19">
        <v>127</v>
      </c>
      <c r="J24" s="19">
        <v>45</v>
      </c>
      <c r="K24" s="19">
        <v>360</v>
      </c>
      <c r="L24" s="19">
        <v>15</v>
      </c>
      <c r="M24" s="19">
        <v>1986</v>
      </c>
      <c r="N24" s="9">
        <v>2763</v>
      </c>
      <c r="O24" s="19">
        <v>65248</v>
      </c>
      <c r="P24" s="19">
        <v>2733</v>
      </c>
    </row>
    <row r="25" spans="1:16" ht="12" customHeight="1" x14ac:dyDescent="0.2">
      <c r="A25" s="12" t="s">
        <v>16</v>
      </c>
      <c r="B25" s="19">
        <v>21894</v>
      </c>
      <c r="C25" s="19">
        <v>0</v>
      </c>
      <c r="D25" s="9">
        <v>21894</v>
      </c>
      <c r="E25" s="19">
        <v>6</v>
      </c>
      <c r="F25" s="19">
        <v>5</v>
      </c>
      <c r="G25" s="19">
        <v>41</v>
      </c>
      <c r="H25" s="19">
        <v>11</v>
      </c>
      <c r="I25" s="19">
        <v>18</v>
      </c>
      <c r="J25" s="19">
        <v>13</v>
      </c>
      <c r="K25" s="19">
        <v>105</v>
      </c>
      <c r="L25" s="19">
        <v>4</v>
      </c>
      <c r="M25" s="19">
        <v>701</v>
      </c>
      <c r="N25" s="9">
        <v>904</v>
      </c>
      <c r="O25" s="19">
        <v>20377</v>
      </c>
      <c r="P25" s="19">
        <v>882</v>
      </c>
    </row>
    <row r="26" spans="1:16" ht="12" customHeight="1" x14ac:dyDescent="0.2">
      <c r="A26" s="2" t="s">
        <v>17</v>
      </c>
      <c r="B26" s="19">
        <v>42541</v>
      </c>
      <c r="C26" s="19">
        <v>11</v>
      </c>
      <c r="D26" s="9">
        <v>42552</v>
      </c>
      <c r="E26" s="19">
        <v>19</v>
      </c>
      <c r="F26" s="19">
        <v>6</v>
      </c>
      <c r="G26" s="19">
        <v>90</v>
      </c>
      <c r="H26" s="19">
        <v>16</v>
      </c>
      <c r="I26" s="19">
        <v>89</v>
      </c>
      <c r="J26" s="19">
        <v>36</v>
      </c>
      <c r="K26" s="19">
        <v>346</v>
      </c>
      <c r="L26" s="19">
        <v>15</v>
      </c>
      <c r="M26" s="19">
        <v>1841</v>
      </c>
      <c r="N26" s="9">
        <v>2458</v>
      </c>
      <c r="O26" s="19">
        <v>39985</v>
      </c>
      <c r="P26" s="19">
        <v>2453</v>
      </c>
    </row>
    <row r="27" spans="1:16" ht="12" customHeight="1" x14ac:dyDescent="0.2">
      <c r="A27" s="11" t="s">
        <v>18</v>
      </c>
      <c r="B27" s="23">
        <v>15774</v>
      </c>
      <c r="C27" s="23">
        <v>257</v>
      </c>
      <c r="D27" s="20">
        <v>16031</v>
      </c>
      <c r="E27" s="23">
        <v>2</v>
      </c>
      <c r="F27" s="23">
        <v>0</v>
      </c>
      <c r="G27" s="23">
        <v>38</v>
      </c>
      <c r="H27" s="23">
        <v>4</v>
      </c>
      <c r="I27" s="23">
        <v>26</v>
      </c>
      <c r="J27" s="23">
        <v>5</v>
      </c>
      <c r="K27" s="23">
        <v>92</v>
      </c>
      <c r="L27" s="23">
        <v>2</v>
      </c>
      <c r="M27" s="23">
        <v>1120</v>
      </c>
      <c r="N27" s="20">
        <v>1289</v>
      </c>
      <c r="O27" s="23">
        <v>14989</v>
      </c>
      <c r="P27" s="23">
        <v>1167</v>
      </c>
    </row>
    <row r="28" spans="1:16" ht="12" customHeight="1" x14ac:dyDescent="0.2">
      <c r="A28" s="12" t="s">
        <v>19</v>
      </c>
      <c r="B28" s="19">
        <v>24869</v>
      </c>
      <c r="C28" s="19">
        <v>32</v>
      </c>
      <c r="D28" s="9">
        <v>24901</v>
      </c>
      <c r="E28" s="19">
        <v>14</v>
      </c>
      <c r="F28" s="19">
        <v>7</v>
      </c>
      <c r="G28" s="19">
        <v>79</v>
      </c>
      <c r="H28" s="19">
        <v>5</v>
      </c>
      <c r="I28" s="19">
        <v>57</v>
      </c>
      <c r="J28" s="19">
        <v>28</v>
      </c>
      <c r="K28" s="19">
        <v>187</v>
      </c>
      <c r="L28" s="19">
        <v>7</v>
      </c>
      <c r="M28" s="19">
        <v>1137</v>
      </c>
      <c r="N28" s="9">
        <v>1521</v>
      </c>
      <c r="O28" s="19">
        <v>23365</v>
      </c>
      <c r="P28" s="19">
        <v>1513</v>
      </c>
    </row>
    <row r="29" spans="1:16" ht="12" customHeight="1" x14ac:dyDescent="0.2">
      <c r="A29" s="12" t="s">
        <v>20</v>
      </c>
      <c r="B29" s="19">
        <v>16459</v>
      </c>
      <c r="C29" s="19">
        <v>204</v>
      </c>
      <c r="D29" s="9">
        <v>16663</v>
      </c>
      <c r="E29" s="19">
        <v>3</v>
      </c>
      <c r="F29" s="19">
        <v>0</v>
      </c>
      <c r="G29" s="19">
        <v>46</v>
      </c>
      <c r="H29" s="19">
        <v>4</v>
      </c>
      <c r="I29" s="19">
        <v>22</v>
      </c>
      <c r="J29" s="19">
        <v>6</v>
      </c>
      <c r="K29" s="19">
        <v>89</v>
      </c>
      <c r="L29" s="19">
        <v>0</v>
      </c>
      <c r="M29" s="19">
        <v>727</v>
      </c>
      <c r="N29" s="9">
        <v>897</v>
      </c>
      <c r="O29" s="19">
        <v>15248</v>
      </c>
      <c r="P29" s="19">
        <v>883</v>
      </c>
    </row>
    <row r="30" spans="1:16" ht="12" customHeight="1" x14ac:dyDescent="0.2">
      <c r="A30" s="12" t="s">
        <v>21</v>
      </c>
      <c r="B30" s="19">
        <v>14470</v>
      </c>
      <c r="C30" s="19">
        <v>0</v>
      </c>
      <c r="D30" s="9">
        <v>14470</v>
      </c>
      <c r="E30" s="19">
        <v>3</v>
      </c>
      <c r="F30" s="19">
        <v>0</v>
      </c>
      <c r="G30" s="19">
        <v>29</v>
      </c>
      <c r="H30" s="19">
        <v>1</v>
      </c>
      <c r="I30" s="19">
        <v>18</v>
      </c>
      <c r="J30" s="19">
        <v>1</v>
      </c>
      <c r="K30" s="19">
        <v>63</v>
      </c>
      <c r="L30" s="19">
        <v>0</v>
      </c>
      <c r="M30" s="19">
        <v>474</v>
      </c>
      <c r="N30" s="9">
        <v>589</v>
      </c>
      <c r="O30" s="19">
        <v>13542</v>
      </c>
      <c r="P30" s="19">
        <v>587</v>
      </c>
    </row>
    <row r="31" spans="1:16" ht="12" customHeight="1" x14ac:dyDescent="0.2">
      <c r="A31" s="13" t="s">
        <v>22</v>
      </c>
      <c r="B31" s="21">
        <v>5099</v>
      </c>
      <c r="C31" s="21">
        <v>13</v>
      </c>
      <c r="D31" s="22">
        <v>5112</v>
      </c>
      <c r="E31" s="21">
        <v>8</v>
      </c>
      <c r="F31" s="21">
        <v>2</v>
      </c>
      <c r="G31" s="21">
        <v>17</v>
      </c>
      <c r="H31" s="21">
        <v>12</v>
      </c>
      <c r="I31" s="21">
        <v>26</v>
      </c>
      <c r="J31" s="21">
        <v>7</v>
      </c>
      <c r="K31" s="21">
        <v>60</v>
      </c>
      <c r="L31" s="21">
        <v>1</v>
      </c>
      <c r="M31" s="21">
        <v>276</v>
      </c>
      <c r="N31" s="22">
        <v>409</v>
      </c>
      <c r="O31" s="21">
        <v>4538</v>
      </c>
      <c r="P31" s="21">
        <v>409</v>
      </c>
    </row>
    <row r="32" spans="1:16" ht="12" customHeight="1" x14ac:dyDescent="0.2">
      <c r="A32" s="12" t="s">
        <v>23</v>
      </c>
      <c r="B32" s="19">
        <v>8972</v>
      </c>
      <c r="C32" s="19">
        <v>0</v>
      </c>
      <c r="D32" s="9">
        <v>8972</v>
      </c>
      <c r="E32" s="19">
        <v>4</v>
      </c>
      <c r="F32" s="19">
        <v>2</v>
      </c>
      <c r="G32" s="19">
        <v>41</v>
      </c>
      <c r="H32" s="19">
        <v>3</v>
      </c>
      <c r="I32" s="19">
        <v>17</v>
      </c>
      <c r="J32" s="19">
        <v>5</v>
      </c>
      <c r="K32" s="19">
        <v>61</v>
      </c>
      <c r="L32" s="19">
        <v>2</v>
      </c>
      <c r="M32" s="19">
        <v>340</v>
      </c>
      <c r="N32" s="9">
        <v>475</v>
      </c>
      <c r="O32" s="19">
        <v>8329</v>
      </c>
      <c r="P32" s="19">
        <v>470</v>
      </c>
    </row>
    <row r="33" spans="1:16" ht="12" customHeight="1" x14ac:dyDescent="0.2">
      <c r="A33" s="12" t="s">
        <v>24</v>
      </c>
      <c r="B33" s="19">
        <v>5748</v>
      </c>
      <c r="C33" s="19">
        <v>0</v>
      </c>
      <c r="D33" s="9">
        <v>5748</v>
      </c>
      <c r="E33" s="19">
        <v>2</v>
      </c>
      <c r="F33" s="19">
        <v>1</v>
      </c>
      <c r="G33" s="19">
        <v>18</v>
      </c>
      <c r="H33" s="19">
        <v>0</v>
      </c>
      <c r="I33" s="19">
        <v>9</v>
      </c>
      <c r="J33" s="19">
        <v>2</v>
      </c>
      <c r="K33" s="19">
        <v>32</v>
      </c>
      <c r="L33" s="19">
        <v>0</v>
      </c>
      <c r="M33" s="19">
        <v>236</v>
      </c>
      <c r="N33" s="9">
        <v>300</v>
      </c>
      <c r="O33" s="19">
        <v>5323</v>
      </c>
      <c r="P33" s="19">
        <v>299</v>
      </c>
    </row>
    <row r="34" spans="1:16" ht="12" customHeight="1" x14ac:dyDescent="0.2">
      <c r="A34" s="12" t="s">
        <v>25</v>
      </c>
      <c r="B34" s="19">
        <v>5435</v>
      </c>
      <c r="C34" s="19">
        <v>0</v>
      </c>
      <c r="D34" s="9">
        <v>5435</v>
      </c>
      <c r="E34" s="19">
        <v>1</v>
      </c>
      <c r="F34" s="19">
        <v>1</v>
      </c>
      <c r="G34" s="19">
        <v>23</v>
      </c>
      <c r="H34" s="19">
        <v>2</v>
      </c>
      <c r="I34" s="19">
        <v>12</v>
      </c>
      <c r="J34" s="19">
        <v>7</v>
      </c>
      <c r="K34" s="19">
        <v>51</v>
      </c>
      <c r="L34" s="19">
        <v>4</v>
      </c>
      <c r="M34" s="19">
        <v>239</v>
      </c>
      <c r="N34" s="9">
        <v>340</v>
      </c>
      <c r="O34" s="19">
        <v>4815</v>
      </c>
      <c r="P34" s="19">
        <v>340</v>
      </c>
    </row>
    <row r="35" spans="1:16" ht="12" customHeight="1" x14ac:dyDescent="0.2">
      <c r="A35" s="12" t="s">
        <v>26</v>
      </c>
      <c r="B35" s="19">
        <v>9222</v>
      </c>
      <c r="C35" s="19">
        <v>0</v>
      </c>
      <c r="D35" s="9">
        <v>9222</v>
      </c>
      <c r="E35" s="19">
        <v>4</v>
      </c>
      <c r="F35" s="19">
        <v>2</v>
      </c>
      <c r="G35" s="19">
        <v>24</v>
      </c>
      <c r="H35" s="19">
        <v>4</v>
      </c>
      <c r="I35" s="19">
        <v>23</v>
      </c>
      <c r="J35" s="19">
        <v>4</v>
      </c>
      <c r="K35" s="19">
        <v>42</v>
      </c>
      <c r="L35" s="19">
        <v>4</v>
      </c>
      <c r="M35" s="19">
        <v>242</v>
      </c>
      <c r="N35" s="9">
        <v>349</v>
      </c>
      <c r="O35" s="19">
        <v>8633</v>
      </c>
      <c r="P35" s="19">
        <v>349</v>
      </c>
    </row>
    <row r="36" spans="1:16" ht="12" customHeight="1" x14ac:dyDescent="0.2">
      <c r="A36" s="13" t="s">
        <v>27</v>
      </c>
      <c r="B36" s="21">
        <v>6774</v>
      </c>
      <c r="C36" s="21">
        <v>3347</v>
      </c>
      <c r="D36" s="22">
        <v>10121</v>
      </c>
      <c r="E36" s="21">
        <v>5</v>
      </c>
      <c r="F36" s="21">
        <v>4</v>
      </c>
      <c r="G36" s="21">
        <v>149</v>
      </c>
      <c r="H36" s="21">
        <v>10</v>
      </c>
      <c r="I36" s="21">
        <v>107</v>
      </c>
      <c r="J36" s="21">
        <v>18</v>
      </c>
      <c r="K36" s="21">
        <v>321</v>
      </c>
      <c r="L36" s="21">
        <v>5</v>
      </c>
      <c r="M36" s="21">
        <v>930</v>
      </c>
      <c r="N36" s="22">
        <v>1549</v>
      </c>
      <c r="O36" s="21">
        <v>6265</v>
      </c>
      <c r="P36" s="21">
        <v>1026</v>
      </c>
    </row>
    <row r="37" spans="1:16" ht="12" customHeight="1" x14ac:dyDescent="0.2">
      <c r="A37" s="14" t="s">
        <v>28</v>
      </c>
      <c r="B37" s="24">
        <v>3562</v>
      </c>
      <c r="C37" s="24">
        <v>332</v>
      </c>
      <c r="D37" s="25">
        <v>3894</v>
      </c>
      <c r="E37" s="24">
        <v>0</v>
      </c>
      <c r="F37" s="24">
        <v>0</v>
      </c>
      <c r="G37" s="24">
        <v>7</v>
      </c>
      <c r="H37" s="24">
        <v>0</v>
      </c>
      <c r="I37" s="24">
        <v>10</v>
      </c>
      <c r="J37" s="24">
        <v>1</v>
      </c>
      <c r="K37" s="24">
        <v>31</v>
      </c>
      <c r="L37" s="24">
        <v>0</v>
      </c>
      <c r="M37" s="24">
        <v>185</v>
      </c>
      <c r="N37" s="25">
        <v>234</v>
      </c>
      <c r="O37" s="24">
        <v>3184</v>
      </c>
      <c r="P37" s="24">
        <v>206</v>
      </c>
    </row>
    <row r="38" spans="1:16" ht="12" customHeight="1" x14ac:dyDescent="0.2">
      <c r="A38" s="12" t="s">
        <v>29</v>
      </c>
      <c r="B38" s="19">
        <v>12393</v>
      </c>
      <c r="C38" s="19">
        <v>1482</v>
      </c>
      <c r="D38" s="9">
        <v>13875</v>
      </c>
      <c r="E38" s="19">
        <v>4</v>
      </c>
      <c r="F38" s="19">
        <v>1</v>
      </c>
      <c r="G38" s="19">
        <v>66</v>
      </c>
      <c r="H38" s="19">
        <v>3</v>
      </c>
      <c r="I38" s="19">
        <v>28</v>
      </c>
      <c r="J38" s="19">
        <v>5</v>
      </c>
      <c r="K38" s="19">
        <v>137</v>
      </c>
      <c r="L38" s="19">
        <v>6</v>
      </c>
      <c r="M38" s="19">
        <v>819</v>
      </c>
      <c r="N38" s="9">
        <v>1069</v>
      </c>
      <c r="O38" s="19">
        <v>11243</v>
      </c>
      <c r="P38" s="19">
        <v>981</v>
      </c>
    </row>
    <row r="39" spans="1:16" ht="12" customHeight="1" x14ac:dyDescent="0.2">
      <c r="A39" s="12" t="s">
        <v>30</v>
      </c>
      <c r="B39" s="19">
        <v>21399</v>
      </c>
      <c r="C39" s="19">
        <v>9</v>
      </c>
      <c r="D39" s="9">
        <v>21408</v>
      </c>
      <c r="E39" s="19">
        <v>15</v>
      </c>
      <c r="F39" s="19">
        <v>10</v>
      </c>
      <c r="G39" s="19">
        <v>78</v>
      </c>
      <c r="H39" s="19">
        <v>22</v>
      </c>
      <c r="I39" s="19">
        <v>56</v>
      </c>
      <c r="J39" s="19">
        <v>20</v>
      </c>
      <c r="K39" s="19">
        <v>182</v>
      </c>
      <c r="L39" s="19">
        <v>9</v>
      </c>
      <c r="M39" s="19">
        <v>995</v>
      </c>
      <c r="N39" s="9">
        <v>1387</v>
      </c>
      <c r="O39" s="19">
        <v>19301</v>
      </c>
      <c r="P39" s="19">
        <v>1383</v>
      </c>
    </row>
    <row r="40" spans="1:16" ht="12" customHeight="1" x14ac:dyDescent="0.2">
      <c r="A40" s="2" t="s">
        <v>31</v>
      </c>
      <c r="B40" s="26">
        <v>1514</v>
      </c>
      <c r="C40" s="26">
        <v>32</v>
      </c>
      <c r="D40" s="10">
        <v>1546</v>
      </c>
      <c r="E40" s="26">
        <v>0</v>
      </c>
      <c r="F40" s="26">
        <v>0</v>
      </c>
      <c r="G40" s="26">
        <v>5</v>
      </c>
      <c r="H40" s="26">
        <v>2</v>
      </c>
      <c r="I40" s="26">
        <v>1</v>
      </c>
      <c r="J40" s="26">
        <v>1</v>
      </c>
      <c r="K40" s="26">
        <v>15</v>
      </c>
      <c r="L40" s="26">
        <v>0</v>
      </c>
      <c r="M40" s="26">
        <v>82</v>
      </c>
      <c r="N40" s="10">
        <v>106</v>
      </c>
      <c r="O40" s="26">
        <v>1368</v>
      </c>
      <c r="P40" s="26">
        <v>100</v>
      </c>
    </row>
    <row r="41" spans="1:16" ht="19.5" customHeight="1" x14ac:dyDescent="0.2">
      <c r="A41" s="2" t="s">
        <v>37</v>
      </c>
      <c r="B41" s="51">
        <v>4823519</v>
      </c>
      <c r="C41" s="51">
        <v>14244</v>
      </c>
      <c r="D41" s="51">
        <v>4837763</v>
      </c>
      <c r="E41" s="51">
        <v>1838</v>
      </c>
      <c r="F41" s="51">
        <v>801</v>
      </c>
      <c r="G41" s="51">
        <v>10800</v>
      </c>
      <c r="H41" s="51">
        <v>1629</v>
      </c>
      <c r="I41" s="51">
        <v>10426</v>
      </c>
      <c r="J41" s="51">
        <v>2896</v>
      </c>
      <c r="K41" s="51">
        <v>32931</v>
      </c>
      <c r="L41" s="51">
        <v>1540</v>
      </c>
      <c r="M41" s="51">
        <v>209282</v>
      </c>
      <c r="N41" s="51">
        <v>272143</v>
      </c>
      <c r="O41" s="51">
        <v>4632768</v>
      </c>
      <c r="P41" s="10">
        <v>263538</v>
      </c>
    </row>
    <row r="42" spans="1:16" ht="12" customHeight="1" x14ac:dyDescent="0.2">
      <c r="A42" s="3" t="s">
        <v>90</v>
      </c>
    </row>
    <row r="43" spans="1:16" ht="11.15" customHeight="1" x14ac:dyDescent="0.2">
      <c r="A43" s="3" t="s">
        <v>83</v>
      </c>
    </row>
  </sheetData>
  <mergeCells count="17">
    <mergeCell ref="P4:P7"/>
    <mergeCell ref="M5:M7"/>
    <mergeCell ref="N5:N7"/>
    <mergeCell ref="E4:N4"/>
    <mergeCell ref="E5:E7"/>
    <mergeCell ref="F5:F7"/>
    <mergeCell ref="G5:G7"/>
    <mergeCell ref="H5:H7"/>
    <mergeCell ref="J5:J7"/>
    <mergeCell ref="L5:L7"/>
    <mergeCell ref="K5:K7"/>
    <mergeCell ref="C5:C7"/>
    <mergeCell ref="D5:D7"/>
    <mergeCell ref="I5:I7"/>
    <mergeCell ref="B4:D4"/>
    <mergeCell ref="O4:O7"/>
    <mergeCell ref="B5:B7"/>
  </mergeCells>
  <phoneticPr fontId="2"/>
  <pageMargins left="0.78740157480314965" right="0.78740157480314965" top="0.78740157480314965" bottom="0.78740157480314965" header="0.51181102362204722" footer="0.31496062992125984"/>
  <pageSetup paperSize="9" scale="97" firstPageNumber="189" orientation="landscape" blackAndWhite="1" useFirstPageNumber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5"/>
  <sheetViews>
    <sheetView workbookViewId="0">
      <pane xSplit="1" ySplit="7" topLeftCell="B8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2.6328125" style="3" customWidth="1"/>
    <col min="2" max="4" width="11.6328125" style="3" customWidth="1"/>
    <col min="5" max="6" width="12.08984375" style="3" customWidth="1"/>
    <col min="7" max="7" width="11.1796875" style="3" customWidth="1"/>
    <col min="8" max="12" width="11.6328125" style="3" customWidth="1"/>
    <col min="13" max="13" width="12.08984375" style="3" customWidth="1"/>
    <col min="14" max="16384" width="12.6328125" style="3"/>
  </cols>
  <sheetData>
    <row r="1" spans="1:16" ht="15.75" customHeight="1" x14ac:dyDescent="0.2">
      <c r="A1" s="5" t="s">
        <v>47</v>
      </c>
      <c r="B1" s="6"/>
      <c r="C1" s="6"/>
      <c r="D1" s="6"/>
      <c r="E1" s="6"/>
      <c r="F1" s="6"/>
      <c r="G1" s="6"/>
      <c r="H1" s="6"/>
      <c r="I1" s="6"/>
      <c r="J1" s="6"/>
      <c r="K1" s="6"/>
      <c r="L1" s="6"/>
      <c r="M1" s="6"/>
      <c r="N1" s="6"/>
      <c r="O1" s="6"/>
      <c r="P1" s="6"/>
    </row>
    <row r="2" spans="1:16" ht="13.5" customHeight="1" x14ac:dyDescent="0.2">
      <c r="A2" s="15"/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6"/>
      <c r="P2" s="6"/>
    </row>
    <row r="3" spans="1:16" ht="12" customHeight="1" x14ac:dyDescent="0.2"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2</v>
      </c>
      <c r="N3" s="6"/>
      <c r="O3" s="6"/>
      <c r="P3" s="6"/>
    </row>
    <row r="4" spans="1:16" ht="12" customHeight="1" x14ac:dyDescent="0.2">
      <c r="A4" s="8" t="s">
        <v>33</v>
      </c>
      <c r="B4" s="74" t="s">
        <v>48</v>
      </c>
      <c r="C4" s="74"/>
      <c r="D4" s="74"/>
      <c r="E4" s="75" t="s">
        <v>49</v>
      </c>
      <c r="F4" s="83" t="s">
        <v>88</v>
      </c>
      <c r="G4" s="61" t="s">
        <v>50</v>
      </c>
      <c r="H4" s="61" t="s">
        <v>51</v>
      </c>
      <c r="I4" s="61" t="s">
        <v>86</v>
      </c>
      <c r="J4" s="61" t="s">
        <v>85</v>
      </c>
      <c r="K4" s="61" t="s">
        <v>87</v>
      </c>
      <c r="L4" s="61" t="s">
        <v>52</v>
      </c>
      <c r="M4" s="61" t="s">
        <v>53</v>
      </c>
      <c r="N4" s="6"/>
      <c r="O4" s="6"/>
      <c r="P4" s="6"/>
    </row>
    <row r="5" spans="1:16" ht="12" customHeight="1" x14ac:dyDescent="0.2">
      <c r="A5" s="9"/>
      <c r="B5" s="53" t="s">
        <v>54</v>
      </c>
      <c r="C5" s="53" t="s">
        <v>55</v>
      </c>
      <c r="D5" s="53" t="s">
        <v>56</v>
      </c>
      <c r="E5" s="76"/>
      <c r="F5" s="84"/>
      <c r="G5" s="81"/>
      <c r="H5" s="81"/>
      <c r="I5" s="81"/>
      <c r="J5" s="81"/>
      <c r="K5" s="81"/>
      <c r="L5" s="81"/>
      <c r="M5" s="81"/>
      <c r="N5" s="6"/>
      <c r="O5" s="6"/>
      <c r="P5" s="6"/>
    </row>
    <row r="6" spans="1:16" ht="12" customHeight="1" x14ac:dyDescent="0.2">
      <c r="A6" s="9"/>
      <c r="B6" s="54"/>
      <c r="C6" s="54"/>
      <c r="D6" s="54"/>
      <c r="E6" s="76"/>
      <c r="F6" s="84"/>
      <c r="G6" s="81"/>
      <c r="H6" s="81"/>
      <c r="I6" s="81"/>
      <c r="J6" s="81"/>
      <c r="K6" s="81"/>
      <c r="L6" s="81"/>
      <c r="M6" s="81"/>
      <c r="N6" s="6"/>
      <c r="O6" s="6"/>
      <c r="P6" s="6"/>
    </row>
    <row r="7" spans="1:16" ht="12" customHeight="1" x14ac:dyDescent="0.2">
      <c r="A7" s="10" t="s">
        <v>35</v>
      </c>
      <c r="B7" s="54"/>
      <c r="C7" s="54"/>
      <c r="D7" s="54"/>
      <c r="E7" s="77"/>
      <c r="F7" s="85"/>
      <c r="G7" s="82"/>
      <c r="H7" s="82"/>
      <c r="I7" s="82"/>
      <c r="J7" s="82"/>
      <c r="K7" s="82"/>
      <c r="L7" s="82"/>
      <c r="M7" s="82"/>
      <c r="N7" s="6"/>
      <c r="O7" s="6"/>
      <c r="P7" s="6"/>
    </row>
    <row r="8" spans="1:16" ht="12" customHeight="1" x14ac:dyDescent="0.15">
      <c r="A8" s="11" t="s">
        <v>36</v>
      </c>
      <c r="B8" s="27">
        <v>1842505</v>
      </c>
      <c r="C8" s="27">
        <v>55312</v>
      </c>
      <c r="D8" s="20">
        <v>1897817</v>
      </c>
      <c r="E8" s="27">
        <v>7481540793</v>
      </c>
      <c r="F8" s="78"/>
      <c r="G8" s="27">
        <v>183705404</v>
      </c>
      <c r="H8" s="28">
        <v>1730486</v>
      </c>
      <c r="I8" s="29">
        <v>50576320</v>
      </c>
      <c r="J8" s="29">
        <v>42836697</v>
      </c>
      <c r="K8" s="29">
        <v>5651436</v>
      </c>
      <c r="L8" s="29">
        <v>2907213</v>
      </c>
      <c r="M8" s="29">
        <v>2308138519</v>
      </c>
    </row>
    <row r="9" spans="1:16" ht="12" customHeight="1" x14ac:dyDescent="0.15">
      <c r="A9" s="12" t="s">
        <v>0</v>
      </c>
      <c r="B9" s="27">
        <v>768613</v>
      </c>
      <c r="C9" s="27">
        <v>46932</v>
      </c>
      <c r="D9" s="9">
        <v>815545</v>
      </c>
      <c r="E9" s="27">
        <v>3200219423</v>
      </c>
      <c r="F9" s="79"/>
      <c r="G9" s="27">
        <v>92973456</v>
      </c>
      <c r="H9" s="28">
        <v>1079364</v>
      </c>
      <c r="I9" s="27">
        <v>19014173</v>
      </c>
      <c r="J9" s="27">
        <v>9991848</v>
      </c>
      <c r="K9" s="27">
        <v>1777503</v>
      </c>
      <c r="L9" s="27">
        <v>1057214</v>
      </c>
      <c r="M9" s="27">
        <v>975220760</v>
      </c>
    </row>
    <row r="10" spans="1:16" ht="12" customHeight="1" x14ac:dyDescent="0.15">
      <c r="A10" s="12" t="s">
        <v>8</v>
      </c>
      <c r="B10" s="27">
        <v>327084</v>
      </c>
      <c r="C10" s="27">
        <v>28360</v>
      </c>
      <c r="D10" s="9">
        <v>355444</v>
      </c>
      <c r="E10" s="27">
        <v>1174909307</v>
      </c>
      <c r="F10" s="79"/>
      <c r="G10" s="27">
        <v>29430348</v>
      </c>
      <c r="H10" s="28">
        <v>181282</v>
      </c>
      <c r="I10" s="27">
        <v>5812122</v>
      </c>
      <c r="J10" s="27">
        <v>3181612</v>
      </c>
      <c r="K10" s="27">
        <v>537770</v>
      </c>
      <c r="L10" s="27">
        <v>429594</v>
      </c>
      <c r="M10" s="27">
        <v>406724102</v>
      </c>
      <c r="P10" s="16"/>
    </row>
    <row r="11" spans="1:16" ht="12" customHeight="1" x14ac:dyDescent="0.15">
      <c r="A11" s="11" t="s">
        <v>1</v>
      </c>
      <c r="B11" s="29">
        <v>178227</v>
      </c>
      <c r="C11" s="29">
        <v>13442</v>
      </c>
      <c r="D11" s="20">
        <v>191669</v>
      </c>
      <c r="E11" s="29">
        <v>605117409</v>
      </c>
      <c r="F11" s="79"/>
      <c r="G11" s="29">
        <v>10177767</v>
      </c>
      <c r="H11" s="52">
        <v>124976</v>
      </c>
      <c r="I11" s="29">
        <v>2152745</v>
      </c>
      <c r="J11" s="29">
        <v>824330</v>
      </c>
      <c r="K11" s="29">
        <v>175413</v>
      </c>
      <c r="L11" s="29">
        <v>173307</v>
      </c>
      <c r="M11" s="29">
        <v>218194749</v>
      </c>
      <c r="P11" s="16"/>
    </row>
    <row r="12" spans="1:16" ht="12" customHeight="1" x14ac:dyDescent="0.15">
      <c r="A12" s="12" t="s">
        <v>2</v>
      </c>
      <c r="B12" s="27">
        <v>112943</v>
      </c>
      <c r="C12" s="27">
        <v>10443</v>
      </c>
      <c r="D12" s="9">
        <v>123386</v>
      </c>
      <c r="E12" s="27">
        <v>403676478</v>
      </c>
      <c r="F12" s="79"/>
      <c r="G12" s="27">
        <v>12487879</v>
      </c>
      <c r="H12" s="28">
        <v>119593</v>
      </c>
      <c r="I12" s="27">
        <v>2726012</v>
      </c>
      <c r="J12" s="27">
        <v>665163</v>
      </c>
      <c r="K12" s="27">
        <v>176318</v>
      </c>
      <c r="L12" s="27">
        <v>96350</v>
      </c>
      <c r="M12" s="27">
        <v>141581616</v>
      </c>
      <c r="P12" s="16"/>
    </row>
    <row r="13" spans="1:16" ht="12" customHeight="1" x14ac:dyDescent="0.15">
      <c r="A13" s="12" t="s">
        <v>3</v>
      </c>
      <c r="B13" s="27">
        <v>80407</v>
      </c>
      <c r="C13" s="27">
        <v>5687</v>
      </c>
      <c r="D13" s="9">
        <v>86094</v>
      </c>
      <c r="E13" s="27">
        <v>377156640</v>
      </c>
      <c r="F13" s="79"/>
      <c r="G13" s="27">
        <v>15810010</v>
      </c>
      <c r="H13" s="28">
        <v>181489</v>
      </c>
      <c r="I13" s="27">
        <v>6058576</v>
      </c>
      <c r="J13" s="27">
        <v>5451152</v>
      </c>
      <c r="K13" s="27">
        <v>383786</v>
      </c>
      <c r="L13" s="27">
        <v>152038</v>
      </c>
      <c r="M13" s="27">
        <v>108423751</v>
      </c>
      <c r="P13" s="16"/>
    </row>
    <row r="14" spans="1:16" ht="12" customHeight="1" x14ac:dyDescent="0.15">
      <c r="A14" s="12" t="s">
        <v>4</v>
      </c>
      <c r="B14" s="27">
        <v>198240</v>
      </c>
      <c r="C14" s="27">
        <v>16612</v>
      </c>
      <c r="D14" s="9">
        <v>214852</v>
      </c>
      <c r="E14" s="27">
        <v>824894870</v>
      </c>
      <c r="F14" s="79"/>
      <c r="G14" s="27">
        <v>35871974</v>
      </c>
      <c r="H14" s="28">
        <v>655760</v>
      </c>
      <c r="I14" s="27">
        <v>5154336</v>
      </c>
      <c r="J14" s="27">
        <v>2520058</v>
      </c>
      <c r="K14" s="27">
        <v>587415</v>
      </c>
      <c r="L14" s="27">
        <v>234018</v>
      </c>
      <c r="M14" s="27">
        <v>259920256</v>
      </c>
      <c r="P14" s="16"/>
    </row>
    <row r="15" spans="1:16" ht="12" customHeight="1" x14ac:dyDescent="0.15">
      <c r="A15" s="12" t="s">
        <v>5</v>
      </c>
      <c r="B15" s="27">
        <v>84684</v>
      </c>
      <c r="C15" s="27">
        <v>7472</v>
      </c>
      <c r="D15" s="9">
        <v>92156</v>
      </c>
      <c r="E15" s="27">
        <v>298076504</v>
      </c>
      <c r="F15" s="79"/>
      <c r="G15" s="27">
        <v>7977392</v>
      </c>
      <c r="H15" s="28">
        <v>54899</v>
      </c>
      <c r="I15" s="27">
        <v>454269</v>
      </c>
      <c r="J15" s="27">
        <v>518376</v>
      </c>
      <c r="K15" s="27">
        <v>151321</v>
      </c>
      <c r="L15" s="27">
        <v>61798</v>
      </c>
      <c r="M15" s="27">
        <v>105751991</v>
      </c>
      <c r="P15" s="16"/>
    </row>
    <row r="16" spans="1:16" ht="12" customHeight="1" x14ac:dyDescent="0.15">
      <c r="A16" s="13" t="s">
        <v>6</v>
      </c>
      <c r="B16" s="30">
        <v>106751</v>
      </c>
      <c r="C16" s="30">
        <v>10456</v>
      </c>
      <c r="D16" s="22">
        <v>117207</v>
      </c>
      <c r="E16" s="30">
        <v>424020166</v>
      </c>
      <c r="F16" s="79"/>
      <c r="G16" s="30">
        <v>15637903</v>
      </c>
      <c r="H16" s="31">
        <v>121379</v>
      </c>
      <c r="I16" s="30">
        <v>2769388</v>
      </c>
      <c r="J16" s="30">
        <v>1874233</v>
      </c>
      <c r="K16" s="30">
        <v>468979</v>
      </c>
      <c r="L16" s="30">
        <v>141172</v>
      </c>
      <c r="M16" s="30">
        <v>141295671</v>
      </c>
      <c r="P16" s="16"/>
    </row>
    <row r="17" spans="1:16" ht="12" customHeight="1" x14ac:dyDescent="0.15">
      <c r="A17" s="14" t="s">
        <v>7</v>
      </c>
      <c r="B17" s="27">
        <v>26263</v>
      </c>
      <c r="C17" s="27">
        <v>2013</v>
      </c>
      <c r="D17" s="9">
        <v>28276</v>
      </c>
      <c r="E17" s="27">
        <v>116677864</v>
      </c>
      <c r="F17" s="79"/>
      <c r="G17" s="27">
        <v>4458596</v>
      </c>
      <c r="H17" s="28">
        <v>56929</v>
      </c>
      <c r="I17" s="27">
        <v>1356434</v>
      </c>
      <c r="J17" s="27">
        <v>655489</v>
      </c>
      <c r="K17" s="27">
        <v>143422</v>
      </c>
      <c r="L17" s="27">
        <v>48001</v>
      </c>
      <c r="M17" s="27">
        <v>35292958</v>
      </c>
      <c r="P17" s="16"/>
    </row>
    <row r="18" spans="1:16" ht="12" customHeight="1" x14ac:dyDescent="0.15">
      <c r="A18" s="12" t="s">
        <v>9</v>
      </c>
      <c r="B18" s="27">
        <v>18189</v>
      </c>
      <c r="C18" s="27">
        <v>1398</v>
      </c>
      <c r="D18" s="9">
        <v>19587</v>
      </c>
      <c r="E18" s="27">
        <v>55498245</v>
      </c>
      <c r="F18" s="79"/>
      <c r="G18" s="27">
        <v>695432</v>
      </c>
      <c r="H18" s="28">
        <v>63333</v>
      </c>
      <c r="I18" s="27">
        <v>3318393</v>
      </c>
      <c r="J18" s="27">
        <v>173773</v>
      </c>
      <c r="K18" s="27">
        <v>7273</v>
      </c>
      <c r="L18" s="27">
        <v>3040</v>
      </c>
      <c r="M18" s="27">
        <v>21164879</v>
      </c>
      <c r="P18" s="16"/>
    </row>
    <row r="19" spans="1:16" ht="12" customHeight="1" x14ac:dyDescent="0.15">
      <c r="A19" s="12" t="s">
        <v>10</v>
      </c>
      <c r="B19" s="27">
        <v>70380</v>
      </c>
      <c r="C19" s="27">
        <v>6324</v>
      </c>
      <c r="D19" s="9">
        <v>76704</v>
      </c>
      <c r="E19" s="27">
        <v>240311930</v>
      </c>
      <c r="F19" s="79"/>
      <c r="G19" s="27">
        <v>5711473</v>
      </c>
      <c r="H19" s="28">
        <v>19854</v>
      </c>
      <c r="I19" s="27">
        <v>58015</v>
      </c>
      <c r="J19" s="27">
        <v>346336</v>
      </c>
      <c r="K19" s="27">
        <v>119848</v>
      </c>
      <c r="L19" s="27">
        <v>53931</v>
      </c>
      <c r="M19" s="27">
        <v>87044155</v>
      </c>
      <c r="P19" s="16"/>
    </row>
    <row r="20" spans="1:16" ht="12" customHeight="1" x14ac:dyDescent="0.15">
      <c r="A20" s="12" t="s">
        <v>11</v>
      </c>
      <c r="B20" s="27">
        <v>103643</v>
      </c>
      <c r="C20" s="27">
        <v>7975</v>
      </c>
      <c r="D20" s="9">
        <v>111618</v>
      </c>
      <c r="E20" s="27">
        <v>377009802</v>
      </c>
      <c r="F20" s="79"/>
      <c r="G20" s="27">
        <v>9584155</v>
      </c>
      <c r="H20" s="28">
        <v>23930</v>
      </c>
      <c r="I20" s="27">
        <v>882480</v>
      </c>
      <c r="J20" s="27">
        <v>537392</v>
      </c>
      <c r="K20" s="27">
        <v>138857</v>
      </c>
      <c r="L20" s="27">
        <v>79866</v>
      </c>
      <c r="M20" s="27">
        <v>128184816</v>
      </c>
      <c r="P20" s="16"/>
    </row>
    <row r="21" spans="1:16" ht="12" customHeight="1" x14ac:dyDescent="0.15">
      <c r="A21" s="13" t="s">
        <v>12</v>
      </c>
      <c r="B21" s="30">
        <v>110744</v>
      </c>
      <c r="C21" s="30">
        <v>9673</v>
      </c>
      <c r="D21" s="22">
        <v>120417</v>
      </c>
      <c r="E21" s="30">
        <v>408111752</v>
      </c>
      <c r="F21" s="79"/>
      <c r="G21" s="30">
        <v>11386398</v>
      </c>
      <c r="H21" s="31">
        <v>42278</v>
      </c>
      <c r="I21" s="30">
        <v>1585573</v>
      </c>
      <c r="J21" s="30">
        <v>798992</v>
      </c>
      <c r="K21" s="30">
        <v>151198</v>
      </c>
      <c r="L21" s="30">
        <v>145297</v>
      </c>
      <c r="M21" s="30">
        <v>138000370</v>
      </c>
      <c r="P21" s="16"/>
    </row>
    <row r="22" spans="1:16" ht="12" customHeight="1" x14ac:dyDescent="0.15">
      <c r="A22" s="14" t="s">
        <v>13</v>
      </c>
      <c r="B22" s="27">
        <v>46406</v>
      </c>
      <c r="C22" s="27">
        <v>3975</v>
      </c>
      <c r="D22" s="9">
        <v>50381</v>
      </c>
      <c r="E22" s="27">
        <v>169822267</v>
      </c>
      <c r="F22" s="79"/>
      <c r="G22" s="27">
        <v>4763853</v>
      </c>
      <c r="H22" s="28">
        <v>36483</v>
      </c>
      <c r="I22" s="27">
        <v>252372</v>
      </c>
      <c r="J22" s="27">
        <v>236653</v>
      </c>
      <c r="K22" s="27">
        <v>54372</v>
      </c>
      <c r="L22" s="27">
        <v>44022</v>
      </c>
      <c r="M22" s="27">
        <v>58329770</v>
      </c>
      <c r="P22" s="16"/>
    </row>
    <row r="23" spans="1:16" ht="12" customHeight="1" x14ac:dyDescent="0.15">
      <c r="A23" s="12" t="s">
        <v>14</v>
      </c>
      <c r="B23" s="27">
        <v>60386</v>
      </c>
      <c r="C23" s="27">
        <v>5476</v>
      </c>
      <c r="D23" s="9">
        <v>65862</v>
      </c>
      <c r="E23" s="27">
        <v>232075934</v>
      </c>
      <c r="F23" s="79"/>
      <c r="G23" s="27">
        <v>7195977</v>
      </c>
      <c r="H23" s="28">
        <v>110072</v>
      </c>
      <c r="I23" s="27">
        <v>492089</v>
      </c>
      <c r="J23" s="27">
        <v>590150</v>
      </c>
      <c r="K23" s="27">
        <v>93882</v>
      </c>
      <c r="L23" s="27">
        <v>195424</v>
      </c>
      <c r="M23" s="27">
        <v>78326386</v>
      </c>
      <c r="P23" s="16"/>
    </row>
    <row r="24" spans="1:16" ht="12" customHeight="1" x14ac:dyDescent="0.15">
      <c r="A24" s="12" t="s">
        <v>15</v>
      </c>
      <c r="B24" s="27">
        <v>59328</v>
      </c>
      <c r="C24" s="27">
        <v>5920</v>
      </c>
      <c r="D24" s="9">
        <v>65248</v>
      </c>
      <c r="E24" s="27">
        <v>206991449</v>
      </c>
      <c r="F24" s="79"/>
      <c r="G24" s="27">
        <v>5395930</v>
      </c>
      <c r="H24" s="28">
        <v>35775</v>
      </c>
      <c r="I24" s="27">
        <v>76123</v>
      </c>
      <c r="J24" s="27">
        <v>258653</v>
      </c>
      <c r="K24" s="27">
        <v>47023</v>
      </c>
      <c r="L24" s="27">
        <v>28446</v>
      </c>
      <c r="M24" s="27">
        <v>74051145</v>
      </c>
      <c r="P24" s="16"/>
    </row>
    <row r="25" spans="1:16" ht="12" customHeight="1" x14ac:dyDescent="0.15">
      <c r="A25" s="12" t="s">
        <v>16</v>
      </c>
      <c r="B25" s="27">
        <v>18605</v>
      </c>
      <c r="C25" s="27">
        <v>1772</v>
      </c>
      <c r="D25" s="9">
        <v>20377</v>
      </c>
      <c r="E25" s="27">
        <v>61225505</v>
      </c>
      <c r="F25" s="79"/>
      <c r="G25" s="27">
        <v>825047</v>
      </c>
      <c r="H25" s="28">
        <v>0</v>
      </c>
      <c r="I25" s="27">
        <v>19343</v>
      </c>
      <c r="J25" s="27">
        <v>88376</v>
      </c>
      <c r="K25" s="27">
        <v>17801</v>
      </c>
      <c r="L25" s="27">
        <v>3316</v>
      </c>
      <c r="M25" s="27">
        <v>23187274</v>
      </c>
      <c r="P25" s="16"/>
    </row>
    <row r="26" spans="1:16" ht="12" customHeight="1" x14ac:dyDescent="0.15">
      <c r="A26" s="2" t="s">
        <v>17</v>
      </c>
      <c r="B26" s="27">
        <v>36175</v>
      </c>
      <c r="C26" s="27">
        <v>3810</v>
      </c>
      <c r="D26" s="9">
        <v>39985</v>
      </c>
      <c r="E26" s="27">
        <v>125145930</v>
      </c>
      <c r="F26" s="79"/>
      <c r="G26" s="27">
        <v>2766938</v>
      </c>
      <c r="H26" s="28">
        <v>23964</v>
      </c>
      <c r="I26" s="27">
        <v>81751</v>
      </c>
      <c r="J26" s="27">
        <v>149589</v>
      </c>
      <c r="K26" s="27">
        <v>50250</v>
      </c>
      <c r="L26" s="27">
        <v>16404</v>
      </c>
      <c r="M26" s="27">
        <v>45239253</v>
      </c>
      <c r="P26" s="16"/>
    </row>
    <row r="27" spans="1:16" ht="12" customHeight="1" x14ac:dyDescent="0.15">
      <c r="A27" s="11" t="s">
        <v>18</v>
      </c>
      <c r="B27" s="29">
        <v>13862</v>
      </c>
      <c r="C27" s="29">
        <v>1127</v>
      </c>
      <c r="D27" s="20">
        <v>14989</v>
      </c>
      <c r="E27" s="29">
        <v>63649203</v>
      </c>
      <c r="F27" s="79"/>
      <c r="G27" s="29">
        <v>2015359</v>
      </c>
      <c r="H27" s="32">
        <v>33953</v>
      </c>
      <c r="I27" s="29">
        <v>798799</v>
      </c>
      <c r="J27" s="29">
        <v>861623</v>
      </c>
      <c r="K27" s="29">
        <v>97108</v>
      </c>
      <c r="L27" s="29">
        <v>30089</v>
      </c>
      <c r="M27" s="29">
        <v>18745420</v>
      </c>
      <c r="P27" s="16"/>
    </row>
    <row r="28" spans="1:16" ht="12" customHeight="1" x14ac:dyDescent="0.15">
      <c r="A28" s="12" t="s">
        <v>19</v>
      </c>
      <c r="B28" s="27">
        <v>21061</v>
      </c>
      <c r="C28" s="27">
        <v>2304</v>
      </c>
      <c r="D28" s="9">
        <v>23365</v>
      </c>
      <c r="E28" s="27">
        <v>72175950</v>
      </c>
      <c r="F28" s="79"/>
      <c r="G28" s="27">
        <v>1959457</v>
      </c>
      <c r="H28" s="33">
        <v>4627</v>
      </c>
      <c r="I28" s="27">
        <v>251372</v>
      </c>
      <c r="J28" s="27">
        <v>61021</v>
      </c>
      <c r="K28" s="27">
        <v>7595</v>
      </c>
      <c r="L28" s="27">
        <v>4192</v>
      </c>
      <c r="M28" s="27">
        <v>26453601</v>
      </c>
      <c r="P28" s="16"/>
    </row>
    <row r="29" spans="1:16" ht="12" customHeight="1" x14ac:dyDescent="0.15">
      <c r="A29" s="12" t="s">
        <v>20</v>
      </c>
      <c r="B29" s="27">
        <v>13962</v>
      </c>
      <c r="C29" s="27">
        <v>1286</v>
      </c>
      <c r="D29" s="9">
        <v>15248</v>
      </c>
      <c r="E29" s="27">
        <v>56861130</v>
      </c>
      <c r="F29" s="79"/>
      <c r="G29" s="27">
        <v>1001644</v>
      </c>
      <c r="H29" s="34">
        <v>4676</v>
      </c>
      <c r="I29" s="27">
        <v>2561515</v>
      </c>
      <c r="J29" s="27">
        <v>208100</v>
      </c>
      <c r="K29" s="27">
        <v>51256</v>
      </c>
      <c r="L29" s="27">
        <v>17035</v>
      </c>
      <c r="M29" s="27">
        <v>18348951</v>
      </c>
      <c r="P29" s="16"/>
    </row>
    <row r="30" spans="1:16" ht="12" customHeight="1" x14ac:dyDescent="0.15">
      <c r="A30" s="12" t="s">
        <v>21</v>
      </c>
      <c r="B30" s="27">
        <v>12512</v>
      </c>
      <c r="C30" s="27">
        <v>1030</v>
      </c>
      <c r="D30" s="9">
        <v>13542</v>
      </c>
      <c r="E30" s="27">
        <v>45019049</v>
      </c>
      <c r="F30" s="79"/>
      <c r="G30" s="27">
        <v>1055721</v>
      </c>
      <c r="H30" s="33">
        <v>0</v>
      </c>
      <c r="I30" s="27">
        <v>228221</v>
      </c>
      <c r="J30" s="27">
        <v>50433</v>
      </c>
      <c r="K30" s="27">
        <v>78498</v>
      </c>
      <c r="L30" s="27">
        <v>20343</v>
      </c>
      <c r="M30" s="27">
        <v>15919180</v>
      </c>
      <c r="P30" s="16"/>
    </row>
    <row r="31" spans="1:16" ht="12" customHeight="1" x14ac:dyDescent="0.15">
      <c r="A31" s="13" t="s">
        <v>22</v>
      </c>
      <c r="B31" s="30">
        <v>4168</v>
      </c>
      <c r="C31" s="30">
        <v>370</v>
      </c>
      <c r="D31" s="22">
        <v>4538</v>
      </c>
      <c r="E31" s="30">
        <v>13253951</v>
      </c>
      <c r="F31" s="79"/>
      <c r="G31" s="30">
        <v>544610</v>
      </c>
      <c r="H31" s="35">
        <v>0</v>
      </c>
      <c r="I31" s="30">
        <v>7200</v>
      </c>
      <c r="J31" s="30">
        <v>4712</v>
      </c>
      <c r="K31" s="30">
        <v>387</v>
      </c>
      <c r="L31" s="30">
        <v>1517</v>
      </c>
      <c r="M31" s="30">
        <v>5103865</v>
      </c>
      <c r="P31" s="16"/>
    </row>
    <row r="32" spans="1:16" ht="12" customHeight="1" x14ac:dyDescent="0.15">
      <c r="A32" s="12" t="s">
        <v>23</v>
      </c>
      <c r="B32" s="27">
        <v>7527</v>
      </c>
      <c r="C32" s="27">
        <v>802</v>
      </c>
      <c r="D32" s="9">
        <v>8329</v>
      </c>
      <c r="E32" s="27">
        <v>25102908</v>
      </c>
      <c r="F32" s="79"/>
      <c r="G32" s="27">
        <v>542676</v>
      </c>
      <c r="H32" s="28">
        <v>0</v>
      </c>
      <c r="I32" s="27">
        <v>1854</v>
      </c>
      <c r="J32" s="27">
        <v>23649</v>
      </c>
      <c r="K32" s="27">
        <v>6359</v>
      </c>
      <c r="L32" s="27">
        <v>305</v>
      </c>
      <c r="M32" s="27">
        <v>9523001</v>
      </c>
      <c r="P32" s="16"/>
    </row>
    <row r="33" spans="1:16" ht="12" customHeight="1" x14ac:dyDescent="0.15">
      <c r="A33" s="12" t="s">
        <v>24</v>
      </c>
      <c r="B33" s="27">
        <v>4901</v>
      </c>
      <c r="C33" s="27">
        <v>422</v>
      </c>
      <c r="D33" s="9">
        <v>5323</v>
      </c>
      <c r="E33" s="27">
        <v>16049002</v>
      </c>
      <c r="F33" s="79"/>
      <c r="G33" s="27">
        <v>198717</v>
      </c>
      <c r="H33" s="28">
        <v>0</v>
      </c>
      <c r="I33" s="27">
        <v>17257</v>
      </c>
      <c r="J33" s="27">
        <v>16739</v>
      </c>
      <c r="K33" s="27">
        <v>2062</v>
      </c>
      <c r="L33" s="27">
        <v>8906</v>
      </c>
      <c r="M33" s="27">
        <v>6049872</v>
      </c>
      <c r="P33" s="16"/>
    </row>
    <row r="34" spans="1:16" ht="12" customHeight="1" x14ac:dyDescent="0.15">
      <c r="A34" s="12" t="s">
        <v>25</v>
      </c>
      <c r="B34" s="27">
        <v>4453</v>
      </c>
      <c r="C34" s="27">
        <v>362</v>
      </c>
      <c r="D34" s="9">
        <v>4815</v>
      </c>
      <c r="E34" s="27">
        <v>13511944</v>
      </c>
      <c r="F34" s="79"/>
      <c r="G34" s="27">
        <v>124497</v>
      </c>
      <c r="H34" s="28">
        <v>516</v>
      </c>
      <c r="I34" s="27">
        <v>25595</v>
      </c>
      <c r="J34" s="27">
        <v>3608</v>
      </c>
      <c r="K34" s="27">
        <v>2223</v>
      </c>
      <c r="L34" s="27">
        <v>44718</v>
      </c>
      <c r="M34" s="27">
        <v>5395280</v>
      </c>
      <c r="P34" s="16"/>
    </row>
    <row r="35" spans="1:16" ht="12" customHeight="1" x14ac:dyDescent="0.15">
      <c r="A35" s="12" t="s">
        <v>26</v>
      </c>
      <c r="B35" s="27">
        <v>7779</v>
      </c>
      <c r="C35" s="27">
        <v>854</v>
      </c>
      <c r="D35" s="9">
        <v>8633</v>
      </c>
      <c r="E35" s="27">
        <v>29442481</v>
      </c>
      <c r="F35" s="79"/>
      <c r="G35" s="27">
        <v>1425081</v>
      </c>
      <c r="H35" s="33">
        <v>3926</v>
      </c>
      <c r="I35" s="27">
        <v>139</v>
      </c>
      <c r="J35" s="27">
        <v>51621</v>
      </c>
      <c r="K35" s="27">
        <v>6343</v>
      </c>
      <c r="L35" s="27">
        <v>8716</v>
      </c>
      <c r="M35" s="27">
        <v>10406640</v>
      </c>
      <c r="P35" s="16"/>
    </row>
    <row r="36" spans="1:16" ht="12" customHeight="1" x14ac:dyDescent="0.15">
      <c r="A36" s="13" t="s">
        <v>27</v>
      </c>
      <c r="B36" s="30">
        <v>6029</v>
      </c>
      <c r="C36" s="30">
        <v>236</v>
      </c>
      <c r="D36" s="22">
        <v>6265</v>
      </c>
      <c r="E36" s="30">
        <v>16557267</v>
      </c>
      <c r="F36" s="79"/>
      <c r="G36" s="30">
        <v>440110</v>
      </c>
      <c r="H36" s="35">
        <v>2357</v>
      </c>
      <c r="I36" s="30">
        <v>41174</v>
      </c>
      <c r="J36" s="30">
        <v>10606</v>
      </c>
      <c r="K36" s="30">
        <v>9358</v>
      </c>
      <c r="L36" s="30">
        <v>931</v>
      </c>
      <c r="M36" s="30">
        <v>6009804</v>
      </c>
      <c r="P36" s="16"/>
    </row>
    <row r="37" spans="1:16" ht="12" customHeight="1" x14ac:dyDescent="0.15">
      <c r="A37" s="12" t="s">
        <v>28</v>
      </c>
      <c r="B37" s="27">
        <v>2955</v>
      </c>
      <c r="C37" s="27">
        <v>229</v>
      </c>
      <c r="D37" s="9">
        <v>3184</v>
      </c>
      <c r="E37" s="27">
        <v>8728545</v>
      </c>
      <c r="F37" s="79"/>
      <c r="G37" s="27">
        <v>422057</v>
      </c>
      <c r="H37" s="28">
        <v>0</v>
      </c>
      <c r="I37" s="27">
        <v>6257</v>
      </c>
      <c r="J37" s="27">
        <v>7815</v>
      </c>
      <c r="K37" s="27">
        <v>4408</v>
      </c>
      <c r="L37" s="27">
        <v>199</v>
      </c>
      <c r="M37" s="27">
        <v>3460109</v>
      </c>
      <c r="P37" s="16"/>
    </row>
    <row r="38" spans="1:16" ht="12" customHeight="1" x14ac:dyDescent="0.15">
      <c r="A38" s="12" t="s">
        <v>29</v>
      </c>
      <c r="B38" s="27">
        <v>10460</v>
      </c>
      <c r="C38" s="27">
        <v>783</v>
      </c>
      <c r="D38" s="9">
        <v>11243</v>
      </c>
      <c r="E38" s="27">
        <v>30721902</v>
      </c>
      <c r="F38" s="79"/>
      <c r="G38" s="27">
        <v>1188877</v>
      </c>
      <c r="H38" s="33">
        <v>9748</v>
      </c>
      <c r="I38" s="27">
        <v>9847</v>
      </c>
      <c r="J38" s="27">
        <v>33811</v>
      </c>
      <c r="K38" s="27">
        <v>26828</v>
      </c>
      <c r="L38" s="27">
        <v>1367</v>
      </c>
      <c r="M38" s="27">
        <v>11902885</v>
      </c>
      <c r="P38" s="16"/>
    </row>
    <row r="39" spans="1:16" ht="12" customHeight="1" x14ac:dyDescent="0.15">
      <c r="A39" s="12" t="s">
        <v>30</v>
      </c>
      <c r="B39" s="27">
        <v>17639</v>
      </c>
      <c r="C39" s="27">
        <v>1662</v>
      </c>
      <c r="D39" s="9">
        <v>19301</v>
      </c>
      <c r="E39" s="27">
        <v>54124995</v>
      </c>
      <c r="F39" s="79"/>
      <c r="G39" s="27">
        <v>958814</v>
      </c>
      <c r="H39" s="34">
        <v>14057</v>
      </c>
      <c r="I39" s="27">
        <v>399811</v>
      </c>
      <c r="J39" s="27">
        <v>40344</v>
      </c>
      <c r="K39" s="27">
        <v>10231</v>
      </c>
      <c r="L39" s="27">
        <v>1405</v>
      </c>
      <c r="M39" s="27">
        <v>20595180</v>
      </c>
      <c r="P39" s="16"/>
    </row>
    <row r="40" spans="1:16" ht="12" customHeight="1" x14ac:dyDescent="0.15">
      <c r="A40" s="12" t="s">
        <v>31</v>
      </c>
      <c r="B40" s="27">
        <v>1287</v>
      </c>
      <c r="C40" s="27">
        <v>81</v>
      </c>
      <c r="D40" s="9">
        <v>1368</v>
      </c>
      <c r="E40" s="27">
        <v>4018193</v>
      </c>
      <c r="F40" s="79"/>
      <c r="G40" s="27">
        <v>58309</v>
      </c>
      <c r="H40" s="33">
        <v>0</v>
      </c>
      <c r="I40" s="27">
        <v>0</v>
      </c>
      <c r="J40" s="27">
        <v>96</v>
      </c>
      <c r="K40" s="27">
        <v>84</v>
      </c>
      <c r="L40" s="27">
        <v>0</v>
      </c>
      <c r="M40" s="27">
        <v>1500664</v>
      </c>
      <c r="P40" s="16"/>
    </row>
    <row r="41" spans="1:16" ht="19.5" customHeight="1" x14ac:dyDescent="0.2">
      <c r="A41" s="1" t="s">
        <v>37</v>
      </c>
      <c r="B41" s="49">
        <v>4378168</v>
      </c>
      <c r="C41" s="49">
        <v>254600</v>
      </c>
      <c r="D41" s="49">
        <v>4632768</v>
      </c>
      <c r="E41" s="50">
        <v>17231698788</v>
      </c>
      <c r="F41" s="80"/>
      <c r="G41" s="49">
        <v>468791861</v>
      </c>
      <c r="H41" s="49">
        <v>4735706</v>
      </c>
      <c r="I41" s="49">
        <v>107189555</v>
      </c>
      <c r="J41" s="49">
        <v>73073050</v>
      </c>
      <c r="K41" s="49">
        <v>11036607</v>
      </c>
      <c r="L41" s="49">
        <v>6010174</v>
      </c>
      <c r="M41" s="50">
        <v>5513486873</v>
      </c>
      <c r="P41" s="16"/>
    </row>
    <row r="42" spans="1:16" ht="12" customHeight="1" x14ac:dyDescent="0.2">
      <c r="A42" s="3" t="s">
        <v>91</v>
      </c>
    </row>
    <row r="43" spans="1:16" ht="12" customHeight="1" x14ac:dyDescent="0.2"/>
    <row r="44" spans="1:16" ht="12" customHeight="1" x14ac:dyDescent="0.2"/>
    <row r="45" spans="1:16" ht="12" customHeight="1" x14ac:dyDescent="0.2"/>
  </sheetData>
  <mergeCells count="14">
    <mergeCell ref="F8:F41"/>
    <mergeCell ref="I4:I7"/>
    <mergeCell ref="L4:L7"/>
    <mergeCell ref="M4:M7"/>
    <mergeCell ref="K4:K7"/>
    <mergeCell ref="F4:F7"/>
    <mergeCell ref="G4:G7"/>
    <mergeCell ref="H4:H7"/>
    <mergeCell ref="J4:J7"/>
    <mergeCell ref="B5:B7"/>
    <mergeCell ref="C5:C7"/>
    <mergeCell ref="D5:D7"/>
    <mergeCell ref="B4:D4"/>
    <mergeCell ref="E4:E7"/>
  </mergeCells>
  <phoneticPr fontId="2"/>
  <pageMargins left="0.78740157480314965" right="0.78740157480314965" top="0.78740157480314965" bottom="0.78740157480314965" header="0.51181102362204722" footer="0.31496062992125984"/>
  <pageSetup paperSize="9" scale="86" firstPageNumber="189" orientation="landscape" blackAndWhite="1" useFirstPageNumber="1" horizontalDpi="300" verticalDpi="300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43"/>
  <sheetViews>
    <sheetView zoomScaleNormal="100" workbookViewId="0">
      <pane xSplit="1" ySplit="5" topLeftCell="B6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2.6328125" style="3" customWidth="1"/>
    <col min="2" max="2" width="12.1796875" style="3" bestFit="1" customWidth="1"/>
    <col min="3" max="3" width="10.81640625" style="3" customWidth="1"/>
    <col min="4" max="4" width="8.54296875" style="3" customWidth="1"/>
    <col min="5" max="5" width="8.08984375" style="3" customWidth="1"/>
    <col min="6" max="6" width="8.453125" style="3" customWidth="1"/>
    <col min="7" max="7" width="8.36328125" style="3" customWidth="1"/>
    <col min="8" max="8" width="8.08984375" style="3" customWidth="1"/>
    <col min="9" max="9" width="8.453125" style="3" customWidth="1"/>
    <col min="10" max="13" width="8.08984375" style="3" customWidth="1"/>
    <col min="14" max="16" width="9.6328125" style="3" customWidth="1"/>
    <col min="17" max="16384" width="12.6328125" style="3"/>
  </cols>
  <sheetData>
    <row r="1" spans="1:19" ht="12" customHeight="1" x14ac:dyDescent="0.2">
      <c r="B1" s="6"/>
      <c r="C1" s="6"/>
      <c r="D1" s="6"/>
      <c r="E1" s="6"/>
      <c r="F1" s="6"/>
      <c r="G1" s="6"/>
      <c r="H1" s="6"/>
      <c r="I1" s="6"/>
      <c r="J1" s="6"/>
      <c r="K1" s="6"/>
      <c r="L1" s="6"/>
      <c r="M1" s="6"/>
      <c r="N1" s="6"/>
      <c r="O1" s="6"/>
      <c r="P1" s="7" t="s">
        <v>32</v>
      </c>
      <c r="Q1" s="6"/>
      <c r="R1" s="6"/>
      <c r="S1" s="6"/>
    </row>
    <row r="2" spans="1:19" ht="12" customHeight="1" x14ac:dyDescent="0.2">
      <c r="A2" s="8" t="s">
        <v>33</v>
      </c>
      <c r="B2" s="86" t="s">
        <v>57</v>
      </c>
      <c r="C2" s="61" t="s">
        <v>58</v>
      </c>
      <c r="D2" s="64" t="s">
        <v>59</v>
      </c>
      <c r="E2" s="93"/>
      <c r="F2" s="93"/>
      <c r="G2" s="93"/>
      <c r="H2" s="93"/>
      <c r="I2" s="94"/>
      <c r="J2" s="86" t="s">
        <v>60</v>
      </c>
      <c r="K2" s="61" t="s">
        <v>61</v>
      </c>
      <c r="L2" s="61" t="s">
        <v>84</v>
      </c>
      <c r="M2" s="86" t="s">
        <v>62</v>
      </c>
      <c r="N2" s="87" t="s">
        <v>63</v>
      </c>
      <c r="O2" s="88"/>
      <c r="P2" s="89"/>
      <c r="Q2" s="6"/>
      <c r="R2" s="6"/>
      <c r="S2" s="6"/>
    </row>
    <row r="3" spans="1:19" ht="12" customHeight="1" x14ac:dyDescent="0.2">
      <c r="A3" s="9"/>
      <c r="B3" s="84"/>
      <c r="C3" s="81"/>
      <c r="D3" s="61" t="s">
        <v>64</v>
      </c>
      <c r="E3" s="61" t="s">
        <v>65</v>
      </c>
      <c r="F3" s="61" t="s">
        <v>66</v>
      </c>
      <c r="G3" s="53" t="s">
        <v>67</v>
      </c>
      <c r="H3" s="53" t="s">
        <v>68</v>
      </c>
      <c r="I3" s="90" t="s">
        <v>34</v>
      </c>
      <c r="J3" s="84"/>
      <c r="K3" s="81"/>
      <c r="L3" s="91"/>
      <c r="M3" s="84"/>
      <c r="N3" s="61" t="s">
        <v>69</v>
      </c>
      <c r="O3" s="61" t="s">
        <v>70</v>
      </c>
      <c r="P3" s="53" t="s">
        <v>34</v>
      </c>
      <c r="Q3" s="6"/>
      <c r="R3" s="6"/>
      <c r="S3" s="6"/>
    </row>
    <row r="4" spans="1:19" ht="12" customHeight="1" x14ac:dyDescent="0.2">
      <c r="A4" s="9"/>
      <c r="B4" s="84"/>
      <c r="C4" s="81"/>
      <c r="D4" s="81"/>
      <c r="E4" s="81"/>
      <c r="F4" s="81"/>
      <c r="G4" s="54"/>
      <c r="H4" s="54"/>
      <c r="I4" s="62"/>
      <c r="J4" s="84"/>
      <c r="K4" s="81"/>
      <c r="L4" s="91"/>
      <c r="M4" s="84"/>
      <c r="N4" s="81"/>
      <c r="O4" s="81"/>
      <c r="P4" s="53"/>
      <c r="Q4" s="6"/>
      <c r="R4" s="6"/>
      <c r="S4" s="6"/>
    </row>
    <row r="5" spans="1:19" ht="12" customHeight="1" x14ac:dyDescent="0.2">
      <c r="A5" s="10" t="s">
        <v>35</v>
      </c>
      <c r="B5" s="85"/>
      <c r="C5" s="82"/>
      <c r="D5" s="82"/>
      <c r="E5" s="82"/>
      <c r="F5" s="82"/>
      <c r="G5" s="54"/>
      <c r="H5" s="54"/>
      <c r="I5" s="63"/>
      <c r="J5" s="85"/>
      <c r="K5" s="82"/>
      <c r="L5" s="92"/>
      <c r="M5" s="85"/>
      <c r="N5" s="82"/>
      <c r="O5" s="82"/>
      <c r="P5" s="53"/>
      <c r="Q5" s="6"/>
      <c r="R5" s="6"/>
      <c r="S5" s="6"/>
    </row>
    <row r="6" spans="1:19" ht="12" customHeight="1" x14ac:dyDescent="0.15">
      <c r="A6" s="11" t="s">
        <v>36</v>
      </c>
      <c r="B6" s="28">
        <v>5460809830</v>
      </c>
      <c r="C6" s="29">
        <v>425352953</v>
      </c>
      <c r="D6" s="29">
        <v>4782396</v>
      </c>
      <c r="E6" s="29">
        <v>506827</v>
      </c>
      <c r="F6" s="29">
        <v>4582920</v>
      </c>
      <c r="G6" s="29">
        <v>14532118</v>
      </c>
      <c r="H6" s="29">
        <v>41627</v>
      </c>
      <c r="I6" s="36">
        <v>24445888</v>
      </c>
      <c r="J6" s="29">
        <v>14662</v>
      </c>
      <c r="K6" s="29">
        <v>463435</v>
      </c>
      <c r="L6" s="29">
        <v>317750</v>
      </c>
      <c r="M6" s="29">
        <v>0</v>
      </c>
      <c r="N6" s="29">
        <v>399815161</v>
      </c>
      <c r="O6" s="29">
        <v>296057</v>
      </c>
      <c r="P6" s="37">
        <v>400111218</v>
      </c>
    </row>
    <row r="7" spans="1:19" ht="12" customHeight="1" x14ac:dyDescent="0.15">
      <c r="A7" s="12" t="s">
        <v>0</v>
      </c>
      <c r="B7" s="28">
        <v>2350892221</v>
      </c>
      <c r="C7" s="27">
        <v>183025082</v>
      </c>
      <c r="D7" s="27">
        <v>1953236</v>
      </c>
      <c r="E7" s="27">
        <v>184888</v>
      </c>
      <c r="F7" s="27">
        <v>1929824</v>
      </c>
      <c r="G7" s="27">
        <v>6439348</v>
      </c>
      <c r="H7" s="27">
        <v>56526</v>
      </c>
      <c r="I7" s="38">
        <v>10563822</v>
      </c>
      <c r="J7" s="27">
        <v>6185</v>
      </c>
      <c r="K7" s="27">
        <v>63425</v>
      </c>
      <c r="L7" s="27">
        <v>197724</v>
      </c>
      <c r="M7" s="27">
        <v>23930</v>
      </c>
      <c r="N7" s="27">
        <v>168803367</v>
      </c>
      <c r="O7" s="27">
        <v>3366629</v>
      </c>
      <c r="P7" s="39">
        <v>172169996</v>
      </c>
    </row>
    <row r="8" spans="1:19" ht="12" customHeight="1" x14ac:dyDescent="0.15">
      <c r="A8" s="12" t="s">
        <v>8</v>
      </c>
      <c r="B8" s="28">
        <v>807757933</v>
      </c>
      <c r="C8" s="27">
        <v>63029217</v>
      </c>
      <c r="D8" s="27">
        <v>930339</v>
      </c>
      <c r="E8" s="27">
        <v>51787</v>
      </c>
      <c r="F8" s="27">
        <v>990578</v>
      </c>
      <c r="G8" s="27">
        <v>1468900</v>
      </c>
      <c r="H8" s="27">
        <v>1539</v>
      </c>
      <c r="I8" s="38">
        <v>3443143</v>
      </c>
      <c r="J8" s="27">
        <v>3206</v>
      </c>
      <c r="K8" s="27">
        <v>46642</v>
      </c>
      <c r="L8" s="27">
        <v>34342</v>
      </c>
      <c r="M8" s="27">
        <v>3506</v>
      </c>
      <c r="N8" s="27">
        <v>57600957</v>
      </c>
      <c r="O8" s="27">
        <v>1897421</v>
      </c>
      <c r="P8" s="39">
        <v>59498378</v>
      </c>
      <c r="S8" s="16"/>
    </row>
    <row r="9" spans="1:19" ht="12" customHeight="1" x14ac:dyDescent="0.15">
      <c r="A9" s="11" t="s">
        <v>1</v>
      </c>
      <c r="B9" s="52">
        <v>400551198</v>
      </c>
      <c r="C9" s="29">
        <v>23622712</v>
      </c>
      <c r="D9" s="29">
        <v>390118</v>
      </c>
      <c r="E9" s="29">
        <v>15969</v>
      </c>
      <c r="F9" s="29">
        <v>351575</v>
      </c>
      <c r="G9" s="29">
        <v>408326</v>
      </c>
      <c r="H9" s="29">
        <v>624</v>
      </c>
      <c r="I9" s="36">
        <v>1166612</v>
      </c>
      <c r="J9" s="29">
        <v>1772</v>
      </c>
      <c r="K9" s="29">
        <v>24897</v>
      </c>
      <c r="L9" s="29">
        <v>12752</v>
      </c>
      <c r="M9" s="29">
        <v>343</v>
      </c>
      <c r="N9" s="29">
        <v>21808607</v>
      </c>
      <c r="O9" s="29">
        <v>607729</v>
      </c>
      <c r="P9" s="37">
        <v>22416336</v>
      </c>
      <c r="S9" s="16"/>
    </row>
    <row r="10" spans="1:19" ht="12" customHeight="1" x14ac:dyDescent="0.15">
      <c r="A10" s="12" t="s">
        <v>2</v>
      </c>
      <c r="B10" s="28">
        <v>278366177</v>
      </c>
      <c r="C10" s="27">
        <v>16214414</v>
      </c>
      <c r="D10" s="27">
        <v>246017</v>
      </c>
      <c r="E10" s="27">
        <v>13011</v>
      </c>
      <c r="F10" s="27">
        <v>274582</v>
      </c>
      <c r="G10" s="27">
        <v>354483</v>
      </c>
      <c r="H10" s="27">
        <v>1293</v>
      </c>
      <c r="I10" s="38">
        <v>889386</v>
      </c>
      <c r="J10" s="27">
        <v>1504</v>
      </c>
      <c r="K10" s="27">
        <v>14796</v>
      </c>
      <c r="L10" s="27">
        <v>12568</v>
      </c>
      <c r="M10" s="27">
        <v>0</v>
      </c>
      <c r="N10" s="27">
        <v>14774828</v>
      </c>
      <c r="O10" s="27">
        <v>521332</v>
      </c>
      <c r="P10" s="39">
        <v>15296160</v>
      </c>
      <c r="S10" s="16"/>
    </row>
    <row r="11" spans="1:19" ht="12" customHeight="1" x14ac:dyDescent="0.15">
      <c r="A11" s="12" t="s">
        <v>3</v>
      </c>
      <c r="B11" s="28">
        <v>296769940</v>
      </c>
      <c r="C11" s="27">
        <v>16964986</v>
      </c>
      <c r="D11" s="27">
        <v>166681</v>
      </c>
      <c r="E11" s="27">
        <v>27718</v>
      </c>
      <c r="F11" s="27">
        <v>130919</v>
      </c>
      <c r="G11" s="27">
        <v>621263</v>
      </c>
      <c r="H11" s="27">
        <v>1735</v>
      </c>
      <c r="I11" s="38">
        <v>948316</v>
      </c>
      <c r="J11" s="27">
        <v>556</v>
      </c>
      <c r="K11" s="27">
        <v>39340</v>
      </c>
      <c r="L11" s="27">
        <v>20840</v>
      </c>
      <c r="M11" s="27">
        <v>2410</v>
      </c>
      <c r="N11" s="27">
        <v>15687774</v>
      </c>
      <c r="O11" s="27">
        <v>265750</v>
      </c>
      <c r="P11" s="39">
        <v>15953524</v>
      </c>
      <c r="S11" s="16"/>
    </row>
    <row r="12" spans="1:19" ht="12" customHeight="1" x14ac:dyDescent="0.15">
      <c r="A12" s="12" t="s">
        <v>4</v>
      </c>
      <c r="B12" s="28">
        <v>609998175</v>
      </c>
      <c r="C12" s="27">
        <v>35250346</v>
      </c>
      <c r="D12" s="27">
        <v>411498</v>
      </c>
      <c r="E12" s="27">
        <v>33714</v>
      </c>
      <c r="F12" s="27">
        <v>480189</v>
      </c>
      <c r="G12" s="27">
        <v>1077179</v>
      </c>
      <c r="H12" s="27">
        <v>3155</v>
      </c>
      <c r="I12" s="38">
        <v>2005735</v>
      </c>
      <c r="J12" s="27">
        <v>1946</v>
      </c>
      <c r="K12" s="27">
        <v>42381</v>
      </c>
      <c r="L12" s="27">
        <v>29167</v>
      </c>
      <c r="M12" s="27">
        <v>0</v>
      </c>
      <c r="N12" s="27">
        <v>32220796</v>
      </c>
      <c r="O12" s="27">
        <v>950321</v>
      </c>
      <c r="P12" s="39">
        <v>33171117</v>
      </c>
      <c r="S12" s="16"/>
    </row>
    <row r="13" spans="1:19" ht="12" customHeight="1" x14ac:dyDescent="0.15">
      <c r="A13" s="12" t="s">
        <v>5</v>
      </c>
      <c r="B13" s="28">
        <v>201542568</v>
      </c>
      <c r="C13" s="27">
        <v>11813244</v>
      </c>
      <c r="D13" s="27">
        <v>184420</v>
      </c>
      <c r="E13" s="27">
        <v>9490</v>
      </c>
      <c r="F13" s="27">
        <v>171833</v>
      </c>
      <c r="G13" s="27">
        <v>262649</v>
      </c>
      <c r="H13" s="27">
        <v>323</v>
      </c>
      <c r="I13" s="38">
        <v>628715</v>
      </c>
      <c r="J13" s="27">
        <v>729</v>
      </c>
      <c r="K13" s="27">
        <v>14057</v>
      </c>
      <c r="L13" s="27">
        <v>10791</v>
      </c>
      <c r="M13" s="27">
        <v>1266</v>
      </c>
      <c r="N13" s="27">
        <v>10828786</v>
      </c>
      <c r="O13" s="27">
        <v>328900</v>
      </c>
      <c r="P13" s="39">
        <v>11157686</v>
      </c>
      <c r="S13" s="16"/>
    </row>
    <row r="14" spans="1:19" ht="12" customHeight="1" x14ac:dyDescent="0.15">
      <c r="A14" s="13" t="s">
        <v>6</v>
      </c>
      <c r="B14" s="31">
        <v>303737549</v>
      </c>
      <c r="C14" s="30">
        <v>17589394</v>
      </c>
      <c r="D14" s="30">
        <v>231638</v>
      </c>
      <c r="E14" s="30">
        <v>16519</v>
      </c>
      <c r="F14" s="30">
        <v>309352</v>
      </c>
      <c r="G14" s="30">
        <v>473111</v>
      </c>
      <c r="H14" s="30">
        <v>894</v>
      </c>
      <c r="I14" s="40">
        <v>1031514</v>
      </c>
      <c r="J14" s="30">
        <v>1020</v>
      </c>
      <c r="K14" s="30">
        <v>28438</v>
      </c>
      <c r="L14" s="30">
        <v>30772</v>
      </c>
      <c r="M14" s="30">
        <v>109</v>
      </c>
      <c r="N14" s="30">
        <v>15924682</v>
      </c>
      <c r="O14" s="30">
        <v>572859</v>
      </c>
      <c r="P14" s="41">
        <v>16497541</v>
      </c>
      <c r="S14" s="16"/>
    </row>
    <row r="15" spans="1:19" ht="12" customHeight="1" x14ac:dyDescent="0.15">
      <c r="A15" s="14" t="s">
        <v>7</v>
      </c>
      <c r="B15" s="28">
        <v>88103777</v>
      </c>
      <c r="C15" s="27">
        <v>5085038</v>
      </c>
      <c r="D15" s="27">
        <v>56298</v>
      </c>
      <c r="E15" s="27">
        <v>10053</v>
      </c>
      <c r="F15" s="27">
        <v>48291</v>
      </c>
      <c r="G15" s="27">
        <v>156113</v>
      </c>
      <c r="H15" s="27">
        <v>386</v>
      </c>
      <c r="I15" s="38">
        <v>271141</v>
      </c>
      <c r="J15" s="27">
        <v>185</v>
      </c>
      <c r="K15" s="27">
        <v>10889</v>
      </c>
      <c r="L15" s="27">
        <v>4184</v>
      </c>
      <c r="M15" s="27">
        <v>0</v>
      </c>
      <c r="N15" s="27">
        <v>4703498</v>
      </c>
      <c r="O15" s="27">
        <v>95141</v>
      </c>
      <c r="P15" s="42">
        <v>4798639</v>
      </c>
      <c r="S15" s="16"/>
    </row>
    <row r="16" spans="1:19" ht="12" customHeight="1" x14ac:dyDescent="0.15">
      <c r="A16" s="12" t="s">
        <v>9</v>
      </c>
      <c r="B16" s="28">
        <v>38594610</v>
      </c>
      <c r="C16" s="27">
        <v>2188911</v>
      </c>
      <c r="D16" s="27">
        <v>40872</v>
      </c>
      <c r="E16" s="27">
        <v>1637</v>
      </c>
      <c r="F16" s="27">
        <v>22972</v>
      </c>
      <c r="G16" s="27">
        <v>26006</v>
      </c>
      <c r="H16" s="27">
        <v>287</v>
      </c>
      <c r="I16" s="38">
        <v>91774</v>
      </c>
      <c r="J16" s="27">
        <v>156</v>
      </c>
      <c r="K16" s="27">
        <v>1604</v>
      </c>
      <c r="L16" s="27">
        <v>1423</v>
      </c>
      <c r="M16" s="27">
        <v>77</v>
      </c>
      <c r="N16" s="27">
        <v>2046823</v>
      </c>
      <c r="O16" s="27">
        <v>47054</v>
      </c>
      <c r="P16" s="39">
        <v>2093877</v>
      </c>
      <c r="S16" s="16"/>
    </row>
    <row r="17" spans="1:19" ht="12" customHeight="1" x14ac:dyDescent="0.15">
      <c r="A17" s="12" t="s">
        <v>10</v>
      </c>
      <c r="B17" s="28">
        <v>159577232</v>
      </c>
      <c r="C17" s="27">
        <v>9383077</v>
      </c>
      <c r="D17" s="27">
        <v>155287</v>
      </c>
      <c r="E17" s="27">
        <v>8984</v>
      </c>
      <c r="F17" s="27">
        <v>145010</v>
      </c>
      <c r="G17" s="27">
        <v>185612</v>
      </c>
      <c r="H17" s="27">
        <v>34</v>
      </c>
      <c r="I17" s="38">
        <v>494927</v>
      </c>
      <c r="J17" s="27">
        <v>857</v>
      </c>
      <c r="K17" s="27">
        <v>11419</v>
      </c>
      <c r="L17" s="27">
        <v>7646</v>
      </c>
      <c r="M17" s="27">
        <v>0</v>
      </c>
      <c r="N17" s="27">
        <v>8589713</v>
      </c>
      <c r="O17" s="27">
        <v>278515</v>
      </c>
      <c r="P17" s="39">
        <v>8868228</v>
      </c>
      <c r="S17" s="16"/>
    </row>
    <row r="18" spans="1:19" ht="12" customHeight="1" x14ac:dyDescent="0.15">
      <c r="A18" s="12" t="s">
        <v>11</v>
      </c>
      <c r="B18" s="28">
        <v>260071666</v>
      </c>
      <c r="C18" s="27">
        <v>15261196</v>
      </c>
      <c r="D18" s="27">
        <v>219360</v>
      </c>
      <c r="E18" s="27">
        <v>8437</v>
      </c>
      <c r="F18" s="27">
        <v>190099</v>
      </c>
      <c r="G18" s="27">
        <v>350053</v>
      </c>
      <c r="H18" s="27">
        <v>1034</v>
      </c>
      <c r="I18" s="38">
        <v>768983</v>
      </c>
      <c r="J18" s="27">
        <v>1321</v>
      </c>
      <c r="K18" s="27">
        <v>13600</v>
      </c>
      <c r="L18" s="27">
        <v>9695</v>
      </c>
      <c r="M18" s="27">
        <v>369</v>
      </c>
      <c r="N18" s="27">
        <v>14091894</v>
      </c>
      <c r="O18" s="27">
        <v>375334</v>
      </c>
      <c r="P18" s="39">
        <v>14467228</v>
      </c>
      <c r="S18" s="16"/>
    </row>
    <row r="19" spans="1:19" ht="12" customHeight="1" x14ac:dyDescent="0.15">
      <c r="A19" s="13" t="s">
        <v>12</v>
      </c>
      <c r="B19" s="31">
        <v>284221118</v>
      </c>
      <c r="C19" s="30">
        <v>16622891</v>
      </c>
      <c r="D19" s="30">
        <v>231700</v>
      </c>
      <c r="E19" s="30">
        <v>11339</v>
      </c>
      <c r="F19" s="30">
        <v>275600</v>
      </c>
      <c r="G19" s="30">
        <v>392068</v>
      </c>
      <c r="H19" s="30">
        <v>552</v>
      </c>
      <c r="I19" s="40">
        <v>911259</v>
      </c>
      <c r="J19" s="30">
        <v>836</v>
      </c>
      <c r="K19" s="30">
        <v>16701</v>
      </c>
      <c r="L19" s="30">
        <v>10366</v>
      </c>
      <c r="M19" s="30">
        <v>300</v>
      </c>
      <c r="N19" s="30">
        <v>15172463</v>
      </c>
      <c r="O19" s="30">
        <v>510966</v>
      </c>
      <c r="P19" s="41">
        <v>15683429</v>
      </c>
      <c r="S19" s="16"/>
    </row>
    <row r="20" spans="1:19" ht="12" customHeight="1" x14ac:dyDescent="0.15">
      <c r="A20" s="14" t="s">
        <v>13</v>
      </c>
      <c r="B20" s="28">
        <v>116880252</v>
      </c>
      <c r="C20" s="27">
        <v>6853416</v>
      </c>
      <c r="D20" s="27">
        <v>101747</v>
      </c>
      <c r="E20" s="27">
        <v>4101</v>
      </c>
      <c r="F20" s="27">
        <v>99259</v>
      </c>
      <c r="G20" s="27">
        <v>155351</v>
      </c>
      <c r="H20" s="27">
        <v>133</v>
      </c>
      <c r="I20" s="38">
        <v>360591</v>
      </c>
      <c r="J20" s="27">
        <v>343</v>
      </c>
      <c r="K20" s="27">
        <v>5874</v>
      </c>
      <c r="L20" s="27">
        <v>4919</v>
      </c>
      <c r="M20" s="27">
        <v>119</v>
      </c>
      <c r="N20" s="27">
        <v>6282323</v>
      </c>
      <c r="O20" s="27">
        <v>199247</v>
      </c>
      <c r="P20" s="42">
        <v>6481570</v>
      </c>
      <c r="S20" s="16"/>
    </row>
    <row r="21" spans="1:19" ht="12" customHeight="1" x14ac:dyDescent="0.15">
      <c r="A21" s="12" t="s">
        <v>14</v>
      </c>
      <c r="B21" s="28">
        <v>162427142</v>
      </c>
      <c r="C21" s="27">
        <v>9485917</v>
      </c>
      <c r="D21" s="27">
        <v>129378</v>
      </c>
      <c r="E21" s="27">
        <v>5084</v>
      </c>
      <c r="F21" s="27">
        <v>159563</v>
      </c>
      <c r="G21" s="27">
        <v>262482</v>
      </c>
      <c r="H21" s="27">
        <v>801</v>
      </c>
      <c r="I21" s="38">
        <v>557308</v>
      </c>
      <c r="J21" s="27">
        <v>622</v>
      </c>
      <c r="K21" s="27">
        <v>5033</v>
      </c>
      <c r="L21" s="27">
        <v>7039</v>
      </c>
      <c r="M21" s="27">
        <v>0</v>
      </c>
      <c r="N21" s="27">
        <v>8550922</v>
      </c>
      <c r="O21" s="27">
        <v>364993</v>
      </c>
      <c r="P21" s="39">
        <v>8915915</v>
      </c>
      <c r="S21" s="16"/>
    </row>
    <row r="22" spans="1:19" ht="12" customHeight="1" x14ac:dyDescent="0.15">
      <c r="A22" s="12" t="s">
        <v>15</v>
      </c>
      <c r="B22" s="28">
        <v>138782254</v>
      </c>
      <c r="C22" s="27">
        <v>8150738</v>
      </c>
      <c r="D22" s="27">
        <v>128762</v>
      </c>
      <c r="E22" s="27">
        <v>3586</v>
      </c>
      <c r="F22" s="27">
        <v>170915</v>
      </c>
      <c r="G22" s="27">
        <v>152813</v>
      </c>
      <c r="H22" s="27">
        <v>194</v>
      </c>
      <c r="I22" s="38">
        <v>456270</v>
      </c>
      <c r="J22" s="27">
        <v>725</v>
      </c>
      <c r="K22" s="27">
        <v>5762</v>
      </c>
      <c r="L22" s="27">
        <v>4694</v>
      </c>
      <c r="M22" s="27">
        <v>717</v>
      </c>
      <c r="N22" s="27">
        <v>7387020</v>
      </c>
      <c r="O22" s="27">
        <v>295550</v>
      </c>
      <c r="P22" s="39">
        <v>7682570</v>
      </c>
      <c r="S22" s="16"/>
    </row>
    <row r="23" spans="1:19" ht="12" customHeight="1" x14ac:dyDescent="0.15">
      <c r="A23" s="12" t="s">
        <v>16</v>
      </c>
      <c r="B23" s="28">
        <v>38992114</v>
      </c>
      <c r="C23" s="27">
        <v>2310070</v>
      </c>
      <c r="D23" s="27">
        <v>42821</v>
      </c>
      <c r="E23" s="27">
        <v>1872</v>
      </c>
      <c r="F23" s="27">
        <v>36762</v>
      </c>
      <c r="G23" s="27">
        <v>41154</v>
      </c>
      <c r="H23" s="27">
        <v>33</v>
      </c>
      <c r="I23" s="38">
        <v>122642</v>
      </c>
      <c r="J23" s="27">
        <v>170</v>
      </c>
      <c r="K23" s="27">
        <v>3311</v>
      </c>
      <c r="L23" s="27">
        <v>864</v>
      </c>
      <c r="M23" s="27">
        <v>221</v>
      </c>
      <c r="N23" s="27">
        <v>2107177</v>
      </c>
      <c r="O23" s="27">
        <v>75685</v>
      </c>
      <c r="P23" s="39">
        <v>2182862</v>
      </c>
      <c r="S23" s="16"/>
    </row>
    <row r="24" spans="1:19" ht="12" customHeight="1" x14ac:dyDescent="0.15">
      <c r="A24" s="2" t="s">
        <v>17</v>
      </c>
      <c r="B24" s="28">
        <v>82995573</v>
      </c>
      <c r="C24" s="27">
        <v>4886844</v>
      </c>
      <c r="D24" s="27">
        <v>82301</v>
      </c>
      <c r="E24" s="27">
        <v>4387</v>
      </c>
      <c r="F24" s="27">
        <v>111936</v>
      </c>
      <c r="G24" s="27">
        <v>76231</v>
      </c>
      <c r="H24" s="27">
        <v>237</v>
      </c>
      <c r="I24" s="38">
        <v>275092</v>
      </c>
      <c r="J24" s="27">
        <v>578</v>
      </c>
      <c r="K24" s="27">
        <v>3395</v>
      </c>
      <c r="L24" s="27">
        <v>3765</v>
      </c>
      <c r="M24" s="27">
        <v>105</v>
      </c>
      <c r="N24" s="27">
        <v>4411128</v>
      </c>
      <c r="O24" s="27">
        <v>192781</v>
      </c>
      <c r="P24" s="39">
        <v>4603909</v>
      </c>
      <c r="S24" s="16"/>
    </row>
    <row r="25" spans="1:19" ht="12" customHeight="1" x14ac:dyDescent="0.15">
      <c r="A25" s="11" t="s">
        <v>18</v>
      </c>
      <c r="B25" s="32">
        <v>48740714</v>
      </c>
      <c r="C25" s="29">
        <v>2810117</v>
      </c>
      <c r="D25" s="29">
        <v>30099</v>
      </c>
      <c r="E25" s="29">
        <v>4376</v>
      </c>
      <c r="F25" s="29">
        <v>26581</v>
      </c>
      <c r="G25" s="29">
        <v>99232</v>
      </c>
      <c r="H25" s="29">
        <v>268</v>
      </c>
      <c r="I25" s="36">
        <v>160556</v>
      </c>
      <c r="J25" s="29">
        <v>111</v>
      </c>
      <c r="K25" s="29">
        <v>5791</v>
      </c>
      <c r="L25" s="29">
        <v>3102</v>
      </c>
      <c r="M25" s="29">
        <v>0</v>
      </c>
      <c r="N25" s="29">
        <v>2585127</v>
      </c>
      <c r="O25" s="29">
        <v>55430</v>
      </c>
      <c r="P25" s="37">
        <v>2640557</v>
      </c>
      <c r="S25" s="16"/>
    </row>
    <row r="26" spans="1:19" ht="12" customHeight="1" x14ac:dyDescent="0.15">
      <c r="A26" s="12" t="s">
        <v>19</v>
      </c>
      <c r="B26" s="33">
        <v>48010613</v>
      </c>
      <c r="C26" s="27">
        <v>2811634</v>
      </c>
      <c r="D26" s="27">
        <v>47330</v>
      </c>
      <c r="E26" s="27">
        <v>1373</v>
      </c>
      <c r="F26" s="27">
        <v>72298</v>
      </c>
      <c r="G26" s="27">
        <v>39748</v>
      </c>
      <c r="H26" s="27">
        <v>0</v>
      </c>
      <c r="I26" s="38">
        <v>160749</v>
      </c>
      <c r="J26" s="27">
        <v>265</v>
      </c>
      <c r="K26" s="27">
        <v>2519</v>
      </c>
      <c r="L26" s="27">
        <v>966</v>
      </c>
      <c r="M26" s="27">
        <v>113</v>
      </c>
      <c r="N26" s="27">
        <v>2527722</v>
      </c>
      <c r="O26" s="27">
        <v>119300</v>
      </c>
      <c r="P26" s="39">
        <v>2647022</v>
      </c>
      <c r="S26" s="16"/>
    </row>
    <row r="27" spans="1:19" ht="12" customHeight="1" x14ac:dyDescent="0.15">
      <c r="A27" s="12" t="s">
        <v>20</v>
      </c>
      <c r="B27" s="34">
        <v>42356405</v>
      </c>
      <c r="C27" s="27">
        <v>2425950</v>
      </c>
      <c r="D27" s="27">
        <v>31361</v>
      </c>
      <c r="E27" s="27">
        <v>4779</v>
      </c>
      <c r="F27" s="27">
        <v>31159</v>
      </c>
      <c r="G27" s="27">
        <v>67935</v>
      </c>
      <c r="H27" s="27">
        <v>901</v>
      </c>
      <c r="I27" s="38">
        <v>136135</v>
      </c>
      <c r="J27" s="27">
        <v>118</v>
      </c>
      <c r="K27" s="27">
        <v>5226</v>
      </c>
      <c r="L27" s="27">
        <v>1706</v>
      </c>
      <c r="M27" s="27">
        <v>46</v>
      </c>
      <c r="N27" s="27">
        <v>2221045</v>
      </c>
      <c r="O27" s="27">
        <v>61674</v>
      </c>
      <c r="P27" s="39">
        <v>2282719</v>
      </c>
      <c r="S27" s="16"/>
    </row>
    <row r="28" spans="1:19" ht="12" customHeight="1" x14ac:dyDescent="0.15">
      <c r="A28" s="12" t="s">
        <v>21</v>
      </c>
      <c r="B28" s="33">
        <v>30533085</v>
      </c>
      <c r="C28" s="27">
        <v>1788716</v>
      </c>
      <c r="D28" s="27">
        <v>28515</v>
      </c>
      <c r="E28" s="27">
        <v>1909</v>
      </c>
      <c r="F28" s="27">
        <v>24633</v>
      </c>
      <c r="G28" s="27">
        <v>37127</v>
      </c>
      <c r="H28" s="27">
        <v>1</v>
      </c>
      <c r="I28" s="38">
        <v>92185</v>
      </c>
      <c r="J28" s="27">
        <v>125</v>
      </c>
      <c r="K28" s="27">
        <v>4555</v>
      </c>
      <c r="L28" s="27">
        <v>1893</v>
      </c>
      <c r="M28" s="27">
        <v>84</v>
      </c>
      <c r="N28" s="27">
        <v>1644059</v>
      </c>
      <c r="O28" s="27">
        <v>45815</v>
      </c>
      <c r="P28" s="39">
        <v>1689874</v>
      </c>
      <c r="S28" s="16"/>
    </row>
    <row r="29" spans="1:19" ht="12" customHeight="1" x14ac:dyDescent="0.15">
      <c r="A29" s="13" t="s">
        <v>22</v>
      </c>
      <c r="B29" s="35">
        <v>8708512</v>
      </c>
      <c r="C29" s="30">
        <v>505803</v>
      </c>
      <c r="D29" s="30">
        <v>9573</v>
      </c>
      <c r="E29" s="30">
        <v>258</v>
      </c>
      <c r="F29" s="30">
        <v>6879</v>
      </c>
      <c r="G29" s="30">
        <v>5915</v>
      </c>
      <c r="H29" s="30">
        <v>0</v>
      </c>
      <c r="I29" s="40">
        <v>22625</v>
      </c>
      <c r="J29" s="30">
        <v>61</v>
      </c>
      <c r="K29" s="30">
        <v>408</v>
      </c>
      <c r="L29" s="30">
        <v>202</v>
      </c>
      <c r="M29" s="30">
        <v>55</v>
      </c>
      <c r="N29" s="30">
        <v>470414</v>
      </c>
      <c r="O29" s="30">
        <v>12038</v>
      </c>
      <c r="P29" s="41">
        <v>482452</v>
      </c>
      <c r="S29" s="16"/>
    </row>
    <row r="30" spans="1:19" ht="12" customHeight="1" x14ac:dyDescent="0.15">
      <c r="A30" s="12" t="s">
        <v>23</v>
      </c>
      <c r="B30" s="28">
        <v>16154750</v>
      </c>
      <c r="C30" s="27">
        <v>951672</v>
      </c>
      <c r="D30" s="27">
        <v>17170</v>
      </c>
      <c r="E30" s="27">
        <v>926</v>
      </c>
      <c r="F30" s="27">
        <v>20839</v>
      </c>
      <c r="G30" s="27">
        <v>13719</v>
      </c>
      <c r="H30" s="27">
        <v>76</v>
      </c>
      <c r="I30" s="38">
        <v>52730</v>
      </c>
      <c r="J30" s="27">
        <v>90</v>
      </c>
      <c r="K30" s="27">
        <v>977</v>
      </c>
      <c r="L30" s="27">
        <v>550</v>
      </c>
      <c r="M30" s="27">
        <v>66</v>
      </c>
      <c r="N30" s="27">
        <v>861620</v>
      </c>
      <c r="O30" s="27">
        <v>35639</v>
      </c>
      <c r="P30" s="39">
        <v>897259</v>
      </c>
      <c r="S30" s="16"/>
    </row>
    <row r="31" spans="1:19" ht="12" customHeight="1" x14ac:dyDescent="0.15">
      <c r="A31" s="12" t="s">
        <v>24</v>
      </c>
      <c r="B31" s="28">
        <v>10242811</v>
      </c>
      <c r="C31" s="27">
        <v>607269</v>
      </c>
      <c r="D31" s="27">
        <v>10970</v>
      </c>
      <c r="E31" s="27">
        <v>653</v>
      </c>
      <c r="F31" s="27">
        <v>9044</v>
      </c>
      <c r="G31" s="27">
        <v>12384</v>
      </c>
      <c r="H31" s="27">
        <v>0</v>
      </c>
      <c r="I31" s="38">
        <v>33051</v>
      </c>
      <c r="J31" s="27">
        <v>47</v>
      </c>
      <c r="K31" s="27">
        <v>528</v>
      </c>
      <c r="L31" s="27">
        <v>180</v>
      </c>
      <c r="M31" s="27">
        <v>0</v>
      </c>
      <c r="N31" s="27">
        <v>555136</v>
      </c>
      <c r="O31" s="27">
        <v>18327</v>
      </c>
      <c r="P31" s="39">
        <v>573463</v>
      </c>
      <c r="S31" s="16"/>
    </row>
    <row r="32" spans="1:19" ht="12" customHeight="1" x14ac:dyDescent="0.15">
      <c r="A32" s="12" t="s">
        <v>25</v>
      </c>
      <c r="B32" s="28">
        <v>8317821</v>
      </c>
      <c r="C32" s="27">
        <v>492954</v>
      </c>
      <c r="D32" s="27">
        <v>10245</v>
      </c>
      <c r="E32" s="27">
        <v>320</v>
      </c>
      <c r="F32" s="27">
        <v>4754</v>
      </c>
      <c r="G32" s="27">
        <v>5435</v>
      </c>
      <c r="H32" s="27">
        <v>0</v>
      </c>
      <c r="I32" s="38">
        <v>20754</v>
      </c>
      <c r="J32" s="27">
        <v>20</v>
      </c>
      <c r="K32" s="27">
        <v>654</v>
      </c>
      <c r="L32" s="27">
        <v>79</v>
      </c>
      <c r="M32" s="27">
        <v>0</v>
      </c>
      <c r="N32" s="27">
        <v>462101</v>
      </c>
      <c r="O32" s="27">
        <v>9346</v>
      </c>
      <c r="P32" s="39">
        <v>471447</v>
      </c>
      <c r="S32" s="16"/>
    </row>
    <row r="33" spans="1:19" ht="12" customHeight="1" x14ac:dyDescent="0.15">
      <c r="A33" s="12" t="s">
        <v>26</v>
      </c>
      <c r="B33" s="33">
        <v>20531667</v>
      </c>
      <c r="C33" s="27">
        <v>1186885</v>
      </c>
      <c r="D33" s="27">
        <v>17154</v>
      </c>
      <c r="E33" s="27">
        <v>611</v>
      </c>
      <c r="F33" s="27">
        <v>25804</v>
      </c>
      <c r="G33" s="27">
        <v>30420</v>
      </c>
      <c r="H33" s="27">
        <v>14</v>
      </c>
      <c r="I33" s="38">
        <v>74003</v>
      </c>
      <c r="J33" s="27">
        <v>33</v>
      </c>
      <c r="K33" s="27">
        <v>1363</v>
      </c>
      <c r="L33" s="27">
        <v>906</v>
      </c>
      <c r="M33" s="27">
        <v>0</v>
      </c>
      <c r="N33" s="27">
        <v>1066518</v>
      </c>
      <c r="O33" s="27">
        <v>44062</v>
      </c>
      <c r="P33" s="39">
        <v>1110580</v>
      </c>
      <c r="S33" s="16"/>
    </row>
    <row r="34" spans="1:19" ht="12" customHeight="1" x14ac:dyDescent="0.15">
      <c r="A34" s="13" t="s">
        <v>27</v>
      </c>
      <c r="B34" s="35">
        <v>11051999</v>
      </c>
      <c r="C34" s="30">
        <v>647495</v>
      </c>
      <c r="D34" s="30">
        <v>11694</v>
      </c>
      <c r="E34" s="30">
        <v>406</v>
      </c>
      <c r="F34" s="30">
        <v>2637</v>
      </c>
      <c r="G34" s="30">
        <v>8071</v>
      </c>
      <c r="H34" s="30">
        <v>12</v>
      </c>
      <c r="I34" s="40">
        <v>22820</v>
      </c>
      <c r="J34" s="30">
        <v>77</v>
      </c>
      <c r="K34" s="30">
        <v>709</v>
      </c>
      <c r="L34" s="30">
        <v>464</v>
      </c>
      <c r="M34" s="30">
        <v>93</v>
      </c>
      <c r="N34" s="30">
        <v>619096</v>
      </c>
      <c r="O34" s="30">
        <v>4236</v>
      </c>
      <c r="P34" s="41">
        <v>623332</v>
      </c>
      <c r="S34" s="16"/>
    </row>
    <row r="35" spans="1:19" ht="12" customHeight="1" x14ac:dyDescent="0.15">
      <c r="A35" s="12" t="s">
        <v>28</v>
      </c>
      <c r="B35" s="28">
        <v>5709172</v>
      </c>
      <c r="C35" s="27">
        <v>328996</v>
      </c>
      <c r="D35" s="27">
        <v>7003</v>
      </c>
      <c r="E35" s="27">
        <v>323</v>
      </c>
      <c r="F35" s="27">
        <v>2874</v>
      </c>
      <c r="G35" s="27">
        <v>5244</v>
      </c>
      <c r="H35" s="27">
        <v>65</v>
      </c>
      <c r="I35" s="38">
        <v>15509</v>
      </c>
      <c r="J35" s="27">
        <v>51</v>
      </c>
      <c r="K35" s="27">
        <v>734</v>
      </c>
      <c r="L35" s="27">
        <v>242</v>
      </c>
      <c r="M35" s="27">
        <v>0</v>
      </c>
      <c r="N35" s="27">
        <v>307877</v>
      </c>
      <c r="O35" s="27">
        <v>4583</v>
      </c>
      <c r="P35" s="39">
        <v>312460</v>
      </c>
      <c r="S35" s="16"/>
    </row>
    <row r="36" spans="1:19" ht="12" customHeight="1" x14ac:dyDescent="0.15">
      <c r="A36" s="12" t="s">
        <v>29</v>
      </c>
      <c r="B36" s="33">
        <v>20089495</v>
      </c>
      <c r="C36" s="27">
        <v>1166383</v>
      </c>
      <c r="D36" s="27">
        <v>23641</v>
      </c>
      <c r="E36" s="27">
        <v>919</v>
      </c>
      <c r="F36" s="27">
        <v>10031</v>
      </c>
      <c r="G36" s="27">
        <v>18163</v>
      </c>
      <c r="H36" s="27">
        <v>279</v>
      </c>
      <c r="I36" s="38">
        <v>53033</v>
      </c>
      <c r="J36" s="27">
        <v>248</v>
      </c>
      <c r="K36" s="27">
        <v>2226</v>
      </c>
      <c r="L36" s="27">
        <v>477</v>
      </c>
      <c r="M36" s="27">
        <v>132</v>
      </c>
      <c r="N36" s="27">
        <v>1088070</v>
      </c>
      <c r="O36" s="27">
        <v>22197</v>
      </c>
      <c r="P36" s="39">
        <v>1110267</v>
      </c>
      <c r="S36" s="16"/>
    </row>
    <row r="37" spans="1:19" ht="12" customHeight="1" x14ac:dyDescent="0.15">
      <c r="A37" s="12" t="s">
        <v>30</v>
      </c>
      <c r="B37" s="34">
        <v>34954477</v>
      </c>
      <c r="C37" s="27">
        <v>2054249</v>
      </c>
      <c r="D37" s="27">
        <v>39852</v>
      </c>
      <c r="E37" s="27">
        <v>776</v>
      </c>
      <c r="F37" s="27">
        <v>37562</v>
      </c>
      <c r="G37" s="27">
        <v>18932</v>
      </c>
      <c r="H37" s="27">
        <v>15</v>
      </c>
      <c r="I37" s="38">
        <v>97137</v>
      </c>
      <c r="J37" s="27">
        <v>122</v>
      </c>
      <c r="K37" s="27">
        <v>1424</v>
      </c>
      <c r="L37" s="27">
        <v>329</v>
      </c>
      <c r="M37" s="27">
        <v>31</v>
      </c>
      <c r="N37" s="27">
        <v>1885125</v>
      </c>
      <c r="O37" s="27">
        <v>70081</v>
      </c>
      <c r="P37" s="39">
        <v>1955206</v>
      </c>
      <c r="S37" s="16"/>
    </row>
    <row r="38" spans="1:19" ht="12" customHeight="1" x14ac:dyDescent="0.15">
      <c r="A38" s="2" t="s">
        <v>31</v>
      </c>
      <c r="B38" s="43">
        <v>2576018</v>
      </c>
      <c r="C38" s="44">
        <v>152767</v>
      </c>
      <c r="D38" s="44">
        <v>2909</v>
      </c>
      <c r="E38" s="44">
        <v>55</v>
      </c>
      <c r="F38" s="44">
        <v>1966</v>
      </c>
      <c r="G38" s="44">
        <v>2103</v>
      </c>
      <c r="H38" s="44">
        <v>0</v>
      </c>
      <c r="I38" s="45">
        <v>7033</v>
      </c>
      <c r="J38" s="44">
        <v>6</v>
      </c>
      <c r="K38" s="44">
        <v>47</v>
      </c>
      <c r="L38" s="44">
        <v>6</v>
      </c>
      <c r="M38" s="44">
        <v>0</v>
      </c>
      <c r="N38" s="44">
        <v>142621</v>
      </c>
      <c r="O38" s="44">
        <v>3054</v>
      </c>
      <c r="P38" s="46">
        <v>145675</v>
      </c>
      <c r="S38" s="16"/>
    </row>
    <row r="39" spans="1:19" ht="19.5" customHeight="1" x14ac:dyDescent="0.2">
      <c r="A39" s="2" t="s">
        <v>37</v>
      </c>
      <c r="B39" s="51">
        <v>12389048868</v>
      </c>
      <c r="C39" s="51">
        <v>891021336</v>
      </c>
      <c r="D39" s="51">
        <v>10772385</v>
      </c>
      <c r="E39" s="51">
        <v>937087</v>
      </c>
      <c r="F39" s="51">
        <v>10759240</v>
      </c>
      <c r="G39" s="51">
        <v>27799688</v>
      </c>
      <c r="H39" s="51">
        <v>113038</v>
      </c>
      <c r="I39" s="51">
        <v>50381438</v>
      </c>
      <c r="J39" s="51">
        <v>38747</v>
      </c>
      <c r="K39" s="51">
        <v>842160</v>
      </c>
      <c r="L39" s="51">
        <v>732403</v>
      </c>
      <c r="M39" s="51">
        <v>34092</v>
      </c>
      <c r="N39" s="51">
        <v>827244450</v>
      </c>
      <c r="O39" s="51">
        <v>11748046</v>
      </c>
      <c r="P39" s="10">
        <v>838992496</v>
      </c>
      <c r="S39" s="16"/>
    </row>
    <row r="40" spans="1:19" ht="12" customHeight="1" x14ac:dyDescent="0.2">
      <c r="A40" s="3" t="s">
        <v>91</v>
      </c>
    </row>
    <row r="41" spans="1:19" ht="12" customHeight="1" x14ac:dyDescent="0.2"/>
    <row r="42" spans="1:19" ht="12" customHeight="1" x14ac:dyDescent="0.2"/>
    <row r="43" spans="1:19" ht="12" customHeight="1" x14ac:dyDescent="0.2"/>
  </sheetData>
  <mergeCells count="17">
    <mergeCell ref="F3:F5"/>
    <mergeCell ref="G3:G5"/>
    <mergeCell ref="B2:B5"/>
    <mergeCell ref="C2:C5"/>
    <mergeCell ref="N2:P2"/>
    <mergeCell ref="I3:I5"/>
    <mergeCell ref="J2:J5"/>
    <mergeCell ref="M2:M5"/>
    <mergeCell ref="N3:N5"/>
    <mergeCell ref="O3:O5"/>
    <mergeCell ref="L2:L5"/>
    <mergeCell ref="P3:P5"/>
    <mergeCell ref="D2:I2"/>
    <mergeCell ref="D3:D5"/>
    <mergeCell ref="H3:H5"/>
    <mergeCell ref="K2:K5"/>
    <mergeCell ref="E3:E5"/>
  </mergeCells>
  <phoneticPr fontId="2"/>
  <pageMargins left="0.78740157480314965" right="0.78740157480314965" top="0.78740157480314965" bottom="0.78740157480314965" header="0.51181102362204722" footer="0.31496062992125984"/>
  <pageSetup paperSize="9" scale="89" firstPageNumber="189" orientation="landscape" blackAndWhite="1" useFirstPageNumber="1" horizontalDpi="300" verticalDpi="300" r:id="rId1"/>
  <headerFooter alignWithMargins="0"/>
  <colBreaks count="1" manualBreakCount="1">
    <brk id="16" max="1048575" man="1"/>
  </col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45"/>
  <sheetViews>
    <sheetView workbookViewId="0">
      <pane xSplit="1" ySplit="7" topLeftCell="B8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0.90625" style="3" customWidth="1"/>
    <col min="2" max="3" width="10.6328125" style="3" customWidth="1"/>
    <col min="4" max="4" width="8.6328125" style="3" customWidth="1"/>
    <col min="5" max="13" width="11.90625" style="3" customWidth="1"/>
    <col min="14" max="26" width="9" style="48" customWidth="1"/>
    <col min="27" max="16384" width="12.6328125" style="3"/>
  </cols>
  <sheetData>
    <row r="1" spans="1:26" ht="15.75" customHeight="1" x14ac:dyDescent="0.2">
      <c r="A1" s="5" t="s">
        <v>73</v>
      </c>
      <c r="B1" s="6"/>
      <c r="C1" s="6"/>
      <c r="D1" s="6"/>
      <c r="E1" s="6"/>
      <c r="F1" s="6"/>
      <c r="G1" s="6"/>
      <c r="H1" s="6"/>
      <c r="I1" s="6"/>
      <c r="J1" s="6"/>
      <c r="K1" s="6"/>
      <c r="L1" s="6"/>
      <c r="M1" s="6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</row>
    <row r="2" spans="1:26" ht="13.5" customHeight="1" x14ac:dyDescent="0.2">
      <c r="A2" s="4"/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</row>
    <row r="3" spans="1:26" ht="12" customHeight="1" x14ac:dyDescent="0.2"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2</v>
      </c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</row>
    <row r="4" spans="1:26" ht="12" customHeight="1" x14ac:dyDescent="0.2">
      <c r="A4" s="8" t="s">
        <v>33</v>
      </c>
      <c r="B4" s="87" t="s">
        <v>74</v>
      </c>
      <c r="C4" s="88"/>
      <c r="D4" s="89"/>
      <c r="E4" s="75" t="s">
        <v>49</v>
      </c>
      <c r="F4" s="83" t="s">
        <v>88</v>
      </c>
      <c r="G4" s="61" t="s">
        <v>50</v>
      </c>
      <c r="H4" s="61" t="s">
        <v>51</v>
      </c>
      <c r="I4" s="61" t="s">
        <v>86</v>
      </c>
      <c r="J4" s="61" t="s">
        <v>85</v>
      </c>
      <c r="K4" s="61" t="s">
        <v>72</v>
      </c>
      <c r="L4" s="61" t="s">
        <v>52</v>
      </c>
      <c r="M4" s="75" t="s">
        <v>53</v>
      </c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</row>
    <row r="5" spans="1:26" ht="12" customHeight="1" x14ac:dyDescent="0.2">
      <c r="A5" s="9"/>
      <c r="B5" s="53" t="s">
        <v>69</v>
      </c>
      <c r="C5" s="53" t="s">
        <v>70</v>
      </c>
      <c r="D5" s="53" t="s">
        <v>34</v>
      </c>
      <c r="E5" s="76"/>
      <c r="F5" s="95"/>
      <c r="G5" s="81"/>
      <c r="H5" s="81"/>
      <c r="I5" s="81"/>
      <c r="J5" s="81"/>
      <c r="K5" s="81"/>
      <c r="L5" s="81"/>
      <c r="M5" s="76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</row>
    <row r="6" spans="1:26" ht="12" customHeight="1" x14ac:dyDescent="0.2">
      <c r="A6" s="9"/>
      <c r="B6" s="54"/>
      <c r="C6" s="54"/>
      <c r="D6" s="54"/>
      <c r="E6" s="76"/>
      <c r="F6" s="95"/>
      <c r="G6" s="81"/>
      <c r="H6" s="81"/>
      <c r="I6" s="81"/>
      <c r="J6" s="81"/>
      <c r="K6" s="81"/>
      <c r="L6" s="81"/>
      <c r="M6" s="76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</row>
    <row r="7" spans="1:26" ht="12" customHeight="1" x14ac:dyDescent="0.2">
      <c r="A7" s="10" t="s">
        <v>35</v>
      </c>
      <c r="B7" s="54"/>
      <c r="C7" s="54"/>
      <c r="D7" s="54"/>
      <c r="E7" s="77"/>
      <c r="F7" s="96"/>
      <c r="G7" s="82"/>
      <c r="H7" s="82"/>
      <c r="I7" s="82"/>
      <c r="J7" s="82"/>
      <c r="K7" s="82"/>
      <c r="L7" s="82"/>
      <c r="M7" s="77"/>
      <c r="N7" s="3"/>
      <c r="O7" s="3"/>
      <c r="P7" s="3"/>
      <c r="Q7" s="3"/>
      <c r="R7" s="3"/>
      <c r="S7" s="3"/>
      <c r="T7" s="3"/>
      <c r="U7" s="3"/>
      <c r="V7" s="3"/>
      <c r="W7" s="3"/>
      <c r="X7" s="3"/>
      <c r="Y7" s="3"/>
      <c r="Z7" s="3"/>
    </row>
    <row r="8" spans="1:26" ht="12" customHeight="1" x14ac:dyDescent="0.15">
      <c r="A8" s="11" t="s">
        <v>36</v>
      </c>
      <c r="B8" s="29">
        <v>1840546</v>
      </c>
      <c r="C8" s="29">
        <v>51396</v>
      </c>
      <c r="D8" s="29">
        <v>1891942</v>
      </c>
      <c r="E8" s="29">
        <v>7471894240</v>
      </c>
      <c r="F8" s="78"/>
      <c r="G8" s="29">
        <v>183517740</v>
      </c>
      <c r="H8" s="29">
        <v>1730255</v>
      </c>
      <c r="I8" s="29">
        <v>50548889</v>
      </c>
      <c r="J8" s="29">
        <v>38985996</v>
      </c>
      <c r="K8" s="29">
        <v>4236874</v>
      </c>
      <c r="L8" s="29">
        <v>2885489</v>
      </c>
      <c r="M8" s="29">
        <v>2302659531</v>
      </c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</row>
    <row r="9" spans="1:26" ht="12" customHeight="1" x14ac:dyDescent="0.15">
      <c r="A9" s="12" t="s">
        <v>0</v>
      </c>
      <c r="B9" s="27">
        <v>768000</v>
      </c>
      <c r="C9" s="27">
        <v>45616</v>
      </c>
      <c r="D9" s="27">
        <v>813616</v>
      </c>
      <c r="E9" s="27">
        <v>3197186742</v>
      </c>
      <c r="F9" s="79"/>
      <c r="G9" s="27">
        <v>92971989</v>
      </c>
      <c r="H9" s="27">
        <v>1079364</v>
      </c>
      <c r="I9" s="27">
        <v>19012261</v>
      </c>
      <c r="J9" s="27">
        <v>9020914</v>
      </c>
      <c r="K9" s="27">
        <v>1426843</v>
      </c>
      <c r="L9" s="27">
        <v>1045813</v>
      </c>
      <c r="M9" s="27">
        <v>973533022</v>
      </c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</row>
    <row r="10" spans="1:26" ht="12" customHeight="1" x14ac:dyDescent="0.15">
      <c r="A10" s="12" t="s">
        <v>8</v>
      </c>
      <c r="B10" s="27">
        <v>326856</v>
      </c>
      <c r="C10" s="27">
        <v>27646</v>
      </c>
      <c r="D10" s="27">
        <v>354502</v>
      </c>
      <c r="E10" s="27">
        <v>1173693109</v>
      </c>
      <c r="F10" s="79"/>
      <c r="G10" s="27">
        <v>29417536</v>
      </c>
      <c r="H10" s="27">
        <v>181282</v>
      </c>
      <c r="I10" s="27">
        <v>5811579</v>
      </c>
      <c r="J10" s="27">
        <v>2813385</v>
      </c>
      <c r="K10" s="27">
        <v>407732</v>
      </c>
      <c r="L10" s="27">
        <v>426011</v>
      </c>
      <c r="M10" s="27">
        <v>405944802</v>
      </c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  <c r="Z10" s="3"/>
    </row>
    <row r="11" spans="1:26" ht="12" customHeight="1" x14ac:dyDescent="0.15">
      <c r="A11" s="11" t="s">
        <v>1</v>
      </c>
      <c r="B11" s="29">
        <v>178226</v>
      </c>
      <c r="C11" s="29">
        <v>13389</v>
      </c>
      <c r="D11" s="29">
        <v>191615</v>
      </c>
      <c r="E11" s="29">
        <v>605077500</v>
      </c>
      <c r="F11" s="79"/>
      <c r="G11" s="29">
        <v>10177767</v>
      </c>
      <c r="H11" s="29">
        <v>124976</v>
      </c>
      <c r="I11" s="29">
        <v>2152745</v>
      </c>
      <c r="J11" s="29">
        <v>824330</v>
      </c>
      <c r="K11" s="29">
        <v>175335</v>
      </c>
      <c r="L11" s="29">
        <v>173307</v>
      </c>
      <c r="M11" s="29">
        <v>218156756</v>
      </c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  <c r="Z11" s="3"/>
    </row>
    <row r="12" spans="1:26" ht="12" customHeight="1" x14ac:dyDescent="0.15">
      <c r="A12" s="12" t="s">
        <v>2</v>
      </c>
      <c r="B12" s="27">
        <v>112942</v>
      </c>
      <c r="C12" s="27">
        <v>10410</v>
      </c>
      <c r="D12" s="27">
        <v>123352</v>
      </c>
      <c r="E12" s="27">
        <v>403646702</v>
      </c>
      <c r="F12" s="79"/>
      <c r="G12" s="27">
        <v>12487880</v>
      </c>
      <c r="H12" s="27">
        <v>119593</v>
      </c>
      <c r="I12" s="27">
        <v>2726012</v>
      </c>
      <c r="J12" s="27">
        <v>665136</v>
      </c>
      <c r="K12" s="27">
        <v>176319</v>
      </c>
      <c r="L12" s="27">
        <v>96351</v>
      </c>
      <c r="M12" s="27">
        <v>141553295</v>
      </c>
      <c r="N12" s="3"/>
      <c r="O12" s="3"/>
      <c r="P12" s="3"/>
      <c r="Q12" s="3"/>
      <c r="R12" s="3"/>
      <c r="S12" s="3"/>
      <c r="T12" s="3"/>
      <c r="U12" s="3"/>
      <c r="V12" s="3"/>
      <c r="W12" s="3"/>
      <c r="X12" s="3"/>
      <c r="Y12" s="3"/>
      <c r="Z12" s="3"/>
    </row>
    <row r="13" spans="1:26" ht="12" customHeight="1" x14ac:dyDescent="0.15">
      <c r="A13" s="12" t="s">
        <v>3</v>
      </c>
      <c r="B13" s="27">
        <v>80408</v>
      </c>
      <c r="C13" s="27">
        <v>5663</v>
      </c>
      <c r="D13" s="27">
        <v>86071</v>
      </c>
      <c r="E13" s="27">
        <v>377167076</v>
      </c>
      <c r="F13" s="79"/>
      <c r="G13" s="27">
        <v>15810010</v>
      </c>
      <c r="H13" s="27">
        <v>181489</v>
      </c>
      <c r="I13" s="27">
        <v>6058576</v>
      </c>
      <c r="J13" s="27">
        <v>9891294</v>
      </c>
      <c r="K13" s="27">
        <v>387543</v>
      </c>
      <c r="L13" s="27">
        <v>152038</v>
      </c>
      <c r="M13" s="27">
        <v>108407882</v>
      </c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  <c r="Z13" s="3"/>
    </row>
    <row r="14" spans="1:26" ht="12" customHeight="1" x14ac:dyDescent="0.15">
      <c r="A14" s="12" t="s">
        <v>4</v>
      </c>
      <c r="B14" s="27">
        <v>198239</v>
      </c>
      <c r="C14" s="27">
        <v>16558</v>
      </c>
      <c r="D14" s="27">
        <v>214797</v>
      </c>
      <c r="E14" s="27">
        <v>824851621</v>
      </c>
      <c r="F14" s="79"/>
      <c r="G14" s="27">
        <v>35871975</v>
      </c>
      <c r="H14" s="27">
        <v>655760</v>
      </c>
      <c r="I14" s="27">
        <v>5154336</v>
      </c>
      <c r="J14" s="27">
        <v>2520057</v>
      </c>
      <c r="K14" s="27">
        <v>587414</v>
      </c>
      <c r="L14" s="27">
        <v>234018</v>
      </c>
      <c r="M14" s="27">
        <v>259878050</v>
      </c>
      <c r="N14" s="3"/>
      <c r="O14" s="3"/>
      <c r="P14" s="3"/>
      <c r="Q14" s="3"/>
      <c r="R14" s="3"/>
      <c r="S14" s="3"/>
      <c r="T14" s="3"/>
      <c r="U14" s="3"/>
      <c r="V14" s="3"/>
      <c r="W14" s="3"/>
      <c r="X14" s="3"/>
      <c r="Y14" s="3"/>
      <c r="Z14" s="3"/>
    </row>
    <row r="15" spans="1:26" ht="12" customHeight="1" x14ac:dyDescent="0.15">
      <c r="A15" s="12" t="s">
        <v>5</v>
      </c>
      <c r="B15" s="27">
        <v>84683</v>
      </c>
      <c r="C15" s="27">
        <v>7433</v>
      </c>
      <c r="D15" s="27">
        <v>92116</v>
      </c>
      <c r="E15" s="27">
        <v>298035014</v>
      </c>
      <c r="F15" s="79"/>
      <c r="G15" s="27">
        <v>7977392</v>
      </c>
      <c r="H15" s="27">
        <v>54899</v>
      </c>
      <c r="I15" s="27">
        <v>454268</v>
      </c>
      <c r="J15" s="27">
        <v>511893</v>
      </c>
      <c r="K15" s="27">
        <v>151195</v>
      </c>
      <c r="L15" s="27">
        <v>61798</v>
      </c>
      <c r="M15" s="27">
        <v>105718312</v>
      </c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</row>
    <row r="16" spans="1:26" ht="12" customHeight="1" x14ac:dyDescent="0.15">
      <c r="A16" s="13" t="s">
        <v>6</v>
      </c>
      <c r="B16" s="30">
        <v>106750</v>
      </c>
      <c r="C16" s="30">
        <v>10429</v>
      </c>
      <c r="D16" s="30">
        <v>117179</v>
      </c>
      <c r="E16" s="30">
        <v>423976084</v>
      </c>
      <c r="F16" s="79"/>
      <c r="G16" s="30">
        <v>15637903</v>
      </c>
      <c r="H16" s="30">
        <v>121379</v>
      </c>
      <c r="I16" s="30">
        <v>2769388</v>
      </c>
      <c r="J16" s="30">
        <v>1873280</v>
      </c>
      <c r="K16" s="30">
        <v>465454</v>
      </c>
      <c r="L16" s="30">
        <v>140491</v>
      </c>
      <c r="M16" s="30">
        <v>141271883</v>
      </c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</row>
    <row r="17" spans="1:26" ht="12" customHeight="1" x14ac:dyDescent="0.15">
      <c r="A17" s="14" t="s">
        <v>7</v>
      </c>
      <c r="B17" s="27">
        <v>26263</v>
      </c>
      <c r="C17" s="27">
        <v>2001</v>
      </c>
      <c r="D17" s="27">
        <v>28264</v>
      </c>
      <c r="E17" s="27">
        <v>116663633</v>
      </c>
      <c r="F17" s="79"/>
      <c r="G17" s="27">
        <v>4458596</v>
      </c>
      <c r="H17" s="27">
        <v>56929</v>
      </c>
      <c r="I17" s="27">
        <v>1356434</v>
      </c>
      <c r="J17" s="27">
        <v>655489</v>
      </c>
      <c r="K17" s="27">
        <v>143422</v>
      </c>
      <c r="L17" s="27">
        <v>48001</v>
      </c>
      <c r="M17" s="27">
        <v>35284405</v>
      </c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</row>
    <row r="18" spans="1:26" ht="12" customHeight="1" x14ac:dyDescent="0.15">
      <c r="A18" s="12" t="s">
        <v>9</v>
      </c>
      <c r="B18" s="27">
        <v>18188</v>
      </c>
      <c r="C18" s="27">
        <v>1388</v>
      </c>
      <c r="D18" s="27">
        <v>19576</v>
      </c>
      <c r="E18" s="27">
        <v>55488083</v>
      </c>
      <c r="F18" s="79"/>
      <c r="G18" s="27">
        <v>695432</v>
      </c>
      <c r="H18" s="27">
        <v>63333</v>
      </c>
      <c r="I18" s="27">
        <v>3318393</v>
      </c>
      <c r="J18" s="27">
        <v>173773</v>
      </c>
      <c r="K18" s="27">
        <v>7273</v>
      </c>
      <c r="L18" s="27">
        <v>3040</v>
      </c>
      <c r="M18" s="27">
        <v>21155174</v>
      </c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</row>
    <row r="19" spans="1:26" ht="12" customHeight="1" x14ac:dyDescent="0.15">
      <c r="A19" s="12" t="s">
        <v>10</v>
      </c>
      <c r="B19" s="27">
        <v>70380</v>
      </c>
      <c r="C19" s="27">
        <v>6296</v>
      </c>
      <c r="D19" s="27">
        <v>76676</v>
      </c>
      <c r="E19" s="27">
        <v>240290534</v>
      </c>
      <c r="F19" s="79"/>
      <c r="G19" s="27">
        <v>5711474</v>
      </c>
      <c r="H19" s="27">
        <v>19854</v>
      </c>
      <c r="I19" s="27">
        <v>58015</v>
      </c>
      <c r="J19" s="27">
        <v>345553</v>
      </c>
      <c r="K19" s="27">
        <v>119848</v>
      </c>
      <c r="L19" s="27">
        <v>53599</v>
      </c>
      <c r="M19" s="27">
        <v>87023458</v>
      </c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3"/>
    </row>
    <row r="20" spans="1:26" ht="12" customHeight="1" x14ac:dyDescent="0.15">
      <c r="A20" s="12" t="s">
        <v>11</v>
      </c>
      <c r="B20" s="27">
        <v>103642</v>
      </c>
      <c r="C20" s="27">
        <v>7947</v>
      </c>
      <c r="D20" s="27">
        <v>111589</v>
      </c>
      <c r="E20" s="27">
        <v>376994844</v>
      </c>
      <c r="F20" s="79"/>
      <c r="G20" s="27">
        <v>9584155</v>
      </c>
      <c r="H20" s="27">
        <v>23930</v>
      </c>
      <c r="I20" s="27">
        <v>882480</v>
      </c>
      <c r="J20" s="27">
        <v>537392</v>
      </c>
      <c r="K20" s="27">
        <v>136200</v>
      </c>
      <c r="L20" s="27">
        <v>79866</v>
      </c>
      <c r="M20" s="27">
        <v>128169982</v>
      </c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</row>
    <row r="21" spans="1:26" ht="12" customHeight="1" x14ac:dyDescent="0.15">
      <c r="A21" s="13" t="s">
        <v>12</v>
      </c>
      <c r="B21" s="30">
        <v>110744</v>
      </c>
      <c r="C21" s="30">
        <v>9644</v>
      </c>
      <c r="D21" s="30">
        <v>120388</v>
      </c>
      <c r="E21" s="30">
        <v>408082957</v>
      </c>
      <c r="F21" s="79"/>
      <c r="G21" s="30">
        <v>11386398</v>
      </c>
      <c r="H21" s="30">
        <v>42278</v>
      </c>
      <c r="I21" s="30">
        <v>1585573</v>
      </c>
      <c r="J21" s="30">
        <v>798992</v>
      </c>
      <c r="K21" s="30">
        <v>151198</v>
      </c>
      <c r="L21" s="30">
        <v>145297</v>
      </c>
      <c r="M21" s="30">
        <v>137972007</v>
      </c>
      <c r="N21" s="3"/>
      <c r="O21" s="3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</row>
    <row r="22" spans="1:26" ht="12" customHeight="1" x14ac:dyDescent="0.15">
      <c r="A22" s="14" t="s">
        <v>13</v>
      </c>
      <c r="B22" s="27">
        <v>46406</v>
      </c>
      <c r="C22" s="27">
        <v>3962</v>
      </c>
      <c r="D22" s="27">
        <v>50368</v>
      </c>
      <c r="E22" s="27">
        <v>169816514</v>
      </c>
      <c r="F22" s="79"/>
      <c r="G22" s="27">
        <v>4763853</v>
      </c>
      <c r="H22" s="27">
        <v>36483</v>
      </c>
      <c r="I22" s="27">
        <v>252372</v>
      </c>
      <c r="J22" s="27">
        <v>236653</v>
      </c>
      <c r="K22" s="27">
        <v>54073</v>
      </c>
      <c r="L22" s="27">
        <v>44022</v>
      </c>
      <c r="M22" s="27">
        <v>58323446</v>
      </c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</row>
    <row r="23" spans="1:26" ht="12" customHeight="1" x14ac:dyDescent="0.15">
      <c r="A23" s="12" t="s">
        <v>14</v>
      </c>
      <c r="B23" s="27">
        <v>60386</v>
      </c>
      <c r="C23" s="27">
        <v>5459</v>
      </c>
      <c r="D23" s="27">
        <v>65845</v>
      </c>
      <c r="E23" s="27">
        <v>232057109</v>
      </c>
      <c r="F23" s="79"/>
      <c r="G23" s="27">
        <v>7195977</v>
      </c>
      <c r="H23" s="27">
        <v>110072</v>
      </c>
      <c r="I23" s="27">
        <v>492089</v>
      </c>
      <c r="J23" s="27">
        <v>590150</v>
      </c>
      <c r="K23" s="27">
        <v>93882</v>
      </c>
      <c r="L23" s="27">
        <v>195424</v>
      </c>
      <c r="M23" s="27">
        <v>78310449</v>
      </c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</row>
    <row r="24" spans="1:26" ht="12" customHeight="1" x14ac:dyDescent="0.15">
      <c r="A24" s="12" t="s">
        <v>15</v>
      </c>
      <c r="B24" s="27">
        <v>59327</v>
      </c>
      <c r="C24" s="27">
        <v>5907</v>
      </c>
      <c r="D24" s="27">
        <v>65234</v>
      </c>
      <c r="E24" s="27">
        <v>206977869</v>
      </c>
      <c r="F24" s="79"/>
      <c r="G24" s="27">
        <v>5395931</v>
      </c>
      <c r="H24" s="27">
        <v>35775</v>
      </c>
      <c r="I24" s="27">
        <v>76123</v>
      </c>
      <c r="J24" s="27">
        <v>258449</v>
      </c>
      <c r="K24" s="27">
        <v>47023</v>
      </c>
      <c r="L24" s="27">
        <v>28447</v>
      </c>
      <c r="M24" s="27">
        <v>74038305</v>
      </c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</row>
    <row r="25" spans="1:26" ht="12" customHeight="1" x14ac:dyDescent="0.15">
      <c r="A25" s="12" t="s">
        <v>16</v>
      </c>
      <c r="B25" s="27">
        <v>18605</v>
      </c>
      <c r="C25" s="27">
        <v>1767</v>
      </c>
      <c r="D25" s="27">
        <v>20372</v>
      </c>
      <c r="E25" s="27">
        <v>61222754</v>
      </c>
      <c r="F25" s="79"/>
      <c r="G25" s="27">
        <v>825047</v>
      </c>
      <c r="H25" s="27">
        <v>0</v>
      </c>
      <c r="I25" s="27">
        <v>19343</v>
      </c>
      <c r="J25" s="27">
        <v>88376</v>
      </c>
      <c r="K25" s="27">
        <v>17801</v>
      </c>
      <c r="L25" s="27">
        <v>3316</v>
      </c>
      <c r="M25" s="27">
        <v>23184547</v>
      </c>
      <c r="N25" s="3"/>
      <c r="O25" s="3"/>
      <c r="P25" s="3"/>
      <c r="Q25" s="3"/>
      <c r="R25" s="3"/>
      <c r="S25" s="3"/>
      <c r="T25" s="3"/>
      <c r="U25" s="3"/>
      <c r="V25" s="3"/>
      <c r="W25" s="3"/>
      <c r="X25" s="3"/>
      <c r="Y25" s="3"/>
      <c r="Z25" s="3"/>
    </row>
    <row r="26" spans="1:26" ht="12" customHeight="1" x14ac:dyDescent="0.15">
      <c r="A26" s="2" t="s">
        <v>17</v>
      </c>
      <c r="B26" s="27">
        <v>36175</v>
      </c>
      <c r="C26" s="27">
        <v>3805</v>
      </c>
      <c r="D26" s="27">
        <v>39980</v>
      </c>
      <c r="E26" s="27">
        <v>125143636</v>
      </c>
      <c r="F26" s="79"/>
      <c r="G26" s="27">
        <v>2766938</v>
      </c>
      <c r="H26" s="27">
        <v>23964</v>
      </c>
      <c r="I26" s="27">
        <v>81751</v>
      </c>
      <c r="J26" s="27">
        <v>149589</v>
      </c>
      <c r="K26" s="27">
        <v>50250</v>
      </c>
      <c r="L26" s="27">
        <v>16404</v>
      </c>
      <c r="M26" s="27">
        <v>45237023</v>
      </c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  <c r="Z26" s="3"/>
    </row>
    <row r="27" spans="1:26" ht="12" customHeight="1" x14ac:dyDescent="0.15">
      <c r="A27" s="11" t="s">
        <v>18</v>
      </c>
      <c r="B27" s="29">
        <v>13862</v>
      </c>
      <c r="C27" s="29">
        <v>1121</v>
      </c>
      <c r="D27" s="29">
        <v>14983</v>
      </c>
      <c r="E27" s="29">
        <v>63645099</v>
      </c>
      <c r="F27" s="79"/>
      <c r="G27" s="29">
        <v>2015359</v>
      </c>
      <c r="H27" s="29">
        <v>33953</v>
      </c>
      <c r="I27" s="29">
        <v>798799</v>
      </c>
      <c r="J27" s="29">
        <v>861623</v>
      </c>
      <c r="K27" s="29">
        <v>97108</v>
      </c>
      <c r="L27" s="29">
        <v>30089</v>
      </c>
      <c r="M27" s="29">
        <v>18741340</v>
      </c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</row>
    <row r="28" spans="1:26" ht="12" customHeight="1" x14ac:dyDescent="0.15">
      <c r="A28" s="12" t="s">
        <v>19</v>
      </c>
      <c r="B28" s="27">
        <v>21061</v>
      </c>
      <c r="C28" s="27">
        <v>2299</v>
      </c>
      <c r="D28" s="27">
        <v>23360</v>
      </c>
      <c r="E28" s="27">
        <v>72172814</v>
      </c>
      <c r="F28" s="79"/>
      <c r="G28" s="27">
        <v>1959457</v>
      </c>
      <c r="H28" s="27">
        <v>4627</v>
      </c>
      <c r="I28" s="27">
        <v>251372</v>
      </c>
      <c r="J28" s="27">
        <v>61021</v>
      </c>
      <c r="K28" s="27">
        <v>7595</v>
      </c>
      <c r="L28" s="27">
        <v>4192</v>
      </c>
      <c r="M28" s="27">
        <v>26450527</v>
      </c>
      <c r="N28" s="3"/>
      <c r="O28" s="3"/>
      <c r="P28" s="3"/>
      <c r="Q28" s="3"/>
      <c r="R28" s="3"/>
      <c r="S28" s="3"/>
      <c r="T28" s="3"/>
      <c r="U28" s="3"/>
      <c r="V28" s="3"/>
      <c r="W28" s="3"/>
      <c r="X28" s="3"/>
      <c r="Y28" s="3"/>
      <c r="Z28" s="3"/>
    </row>
    <row r="29" spans="1:26" ht="12" customHeight="1" x14ac:dyDescent="0.15">
      <c r="A29" s="12" t="s">
        <v>20</v>
      </c>
      <c r="B29" s="27">
        <v>13962</v>
      </c>
      <c r="C29" s="27">
        <v>1279</v>
      </c>
      <c r="D29" s="27">
        <v>15241</v>
      </c>
      <c r="E29" s="27">
        <v>56854070</v>
      </c>
      <c r="F29" s="79"/>
      <c r="G29" s="27">
        <v>1001644</v>
      </c>
      <c r="H29" s="27">
        <v>4676</v>
      </c>
      <c r="I29" s="27">
        <v>2561515</v>
      </c>
      <c r="J29" s="27">
        <v>208055</v>
      </c>
      <c r="K29" s="27">
        <v>51251</v>
      </c>
      <c r="L29" s="27">
        <v>17035</v>
      </c>
      <c r="M29" s="27">
        <v>18342198</v>
      </c>
      <c r="N29" s="3"/>
      <c r="O29" s="3"/>
      <c r="P29" s="3"/>
      <c r="Q29" s="3"/>
      <c r="R29" s="3"/>
      <c r="S29" s="3"/>
      <c r="T29" s="3"/>
      <c r="U29" s="3"/>
      <c r="V29" s="3"/>
      <c r="W29" s="3"/>
      <c r="X29" s="3"/>
      <c r="Y29" s="3"/>
      <c r="Z29" s="3"/>
    </row>
    <row r="30" spans="1:26" ht="12" customHeight="1" x14ac:dyDescent="0.15">
      <c r="A30" s="12" t="s">
        <v>21</v>
      </c>
      <c r="B30" s="27">
        <v>12512</v>
      </c>
      <c r="C30" s="27">
        <v>1025</v>
      </c>
      <c r="D30" s="27">
        <v>13537</v>
      </c>
      <c r="E30" s="27">
        <v>45013631</v>
      </c>
      <c r="F30" s="79"/>
      <c r="G30" s="27">
        <v>1055721</v>
      </c>
      <c r="H30" s="27">
        <v>0</v>
      </c>
      <c r="I30" s="27">
        <v>228221</v>
      </c>
      <c r="J30" s="27">
        <v>50433</v>
      </c>
      <c r="K30" s="27">
        <v>78498</v>
      </c>
      <c r="L30" s="27">
        <v>20343</v>
      </c>
      <c r="M30" s="27">
        <v>15914817</v>
      </c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  <c r="Y30" s="3"/>
      <c r="Z30" s="3"/>
    </row>
    <row r="31" spans="1:26" ht="12" customHeight="1" x14ac:dyDescent="0.15">
      <c r="A31" s="13" t="s">
        <v>22</v>
      </c>
      <c r="B31" s="30">
        <v>4168</v>
      </c>
      <c r="C31" s="30">
        <v>369</v>
      </c>
      <c r="D31" s="30">
        <v>4537</v>
      </c>
      <c r="E31" s="30">
        <v>13252146</v>
      </c>
      <c r="F31" s="79"/>
      <c r="G31" s="30">
        <v>544610</v>
      </c>
      <c r="H31" s="30">
        <v>0</v>
      </c>
      <c r="I31" s="30">
        <v>7200</v>
      </c>
      <c r="J31" s="30">
        <v>4712</v>
      </c>
      <c r="K31" s="30">
        <v>387</v>
      </c>
      <c r="L31" s="30">
        <v>1517</v>
      </c>
      <c r="M31" s="30">
        <v>5102064</v>
      </c>
      <c r="N31" s="3"/>
      <c r="O31" s="3"/>
      <c r="P31" s="3"/>
      <c r="Q31" s="3"/>
      <c r="R31" s="3"/>
      <c r="S31" s="3"/>
      <c r="T31" s="3"/>
      <c r="U31" s="3"/>
      <c r="V31" s="3"/>
      <c r="W31" s="3"/>
      <c r="X31" s="3"/>
      <c r="Y31" s="3"/>
      <c r="Z31" s="3"/>
    </row>
    <row r="32" spans="1:26" ht="12" customHeight="1" x14ac:dyDescent="0.15">
      <c r="A32" s="12" t="s">
        <v>23</v>
      </c>
      <c r="B32" s="27">
        <v>7527</v>
      </c>
      <c r="C32" s="27">
        <v>798</v>
      </c>
      <c r="D32" s="27">
        <v>8325</v>
      </c>
      <c r="E32" s="27">
        <v>25098952</v>
      </c>
      <c r="F32" s="79"/>
      <c r="G32" s="27">
        <v>542676</v>
      </c>
      <c r="H32" s="27">
        <v>0</v>
      </c>
      <c r="I32" s="27">
        <v>1854</v>
      </c>
      <c r="J32" s="27">
        <v>23649</v>
      </c>
      <c r="K32" s="27">
        <v>6359</v>
      </c>
      <c r="L32" s="27">
        <v>305</v>
      </c>
      <c r="M32" s="27">
        <v>9520892</v>
      </c>
      <c r="N32" s="3"/>
      <c r="O32" s="3"/>
      <c r="P32" s="3"/>
      <c r="Q32" s="3"/>
      <c r="R32" s="3"/>
      <c r="S32" s="3"/>
      <c r="T32" s="3"/>
      <c r="U32" s="3"/>
      <c r="V32" s="3"/>
      <c r="W32" s="3"/>
      <c r="X32" s="3"/>
      <c r="Y32" s="3"/>
      <c r="Z32" s="3"/>
    </row>
    <row r="33" spans="1:26" ht="12" customHeight="1" x14ac:dyDescent="0.15">
      <c r="A33" s="12" t="s">
        <v>24</v>
      </c>
      <c r="B33" s="27">
        <v>4901</v>
      </c>
      <c r="C33" s="27">
        <v>419</v>
      </c>
      <c r="D33" s="27">
        <v>5320</v>
      </c>
      <c r="E33" s="27">
        <v>16046128</v>
      </c>
      <c r="F33" s="79"/>
      <c r="G33" s="27">
        <v>198717</v>
      </c>
      <c r="H33" s="27">
        <v>0</v>
      </c>
      <c r="I33" s="27">
        <v>17257</v>
      </c>
      <c r="J33" s="27">
        <v>16739</v>
      </c>
      <c r="K33" s="27">
        <v>2062</v>
      </c>
      <c r="L33" s="27">
        <v>8906</v>
      </c>
      <c r="M33" s="27">
        <v>6047010</v>
      </c>
      <c r="N33" s="3"/>
      <c r="O33" s="3"/>
      <c r="P33" s="3"/>
      <c r="Q33" s="3"/>
      <c r="R33" s="3"/>
      <c r="S33" s="3"/>
      <c r="T33" s="3"/>
      <c r="U33" s="3"/>
      <c r="V33" s="3"/>
      <c r="W33" s="3"/>
      <c r="X33" s="3"/>
      <c r="Y33" s="3"/>
      <c r="Z33" s="3"/>
    </row>
    <row r="34" spans="1:26" ht="12" customHeight="1" x14ac:dyDescent="0.15">
      <c r="A34" s="12" t="s">
        <v>25</v>
      </c>
      <c r="B34" s="27">
        <v>4453</v>
      </c>
      <c r="C34" s="27">
        <v>360</v>
      </c>
      <c r="D34" s="27">
        <v>4813</v>
      </c>
      <c r="E34" s="27">
        <v>13511078</v>
      </c>
      <c r="F34" s="79"/>
      <c r="G34" s="27">
        <v>124497</v>
      </c>
      <c r="H34" s="27">
        <v>516</v>
      </c>
      <c r="I34" s="27">
        <v>25595</v>
      </c>
      <c r="J34" s="27">
        <v>3608</v>
      </c>
      <c r="K34" s="27">
        <v>2223</v>
      </c>
      <c r="L34" s="27">
        <v>44718</v>
      </c>
      <c r="M34" s="27">
        <v>5394422</v>
      </c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</row>
    <row r="35" spans="1:26" ht="12" customHeight="1" x14ac:dyDescent="0.15">
      <c r="A35" s="12" t="s">
        <v>26</v>
      </c>
      <c r="B35" s="27">
        <v>7779</v>
      </c>
      <c r="C35" s="27">
        <v>853</v>
      </c>
      <c r="D35" s="27">
        <v>8632</v>
      </c>
      <c r="E35" s="27">
        <v>29442015</v>
      </c>
      <c r="F35" s="79"/>
      <c r="G35" s="27">
        <v>1425081</v>
      </c>
      <c r="H35" s="27">
        <v>3926</v>
      </c>
      <c r="I35" s="27">
        <v>139</v>
      </c>
      <c r="J35" s="27">
        <v>51621</v>
      </c>
      <c r="K35" s="27">
        <v>6343</v>
      </c>
      <c r="L35" s="27">
        <v>8716</v>
      </c>
      <c r="M35" s="27">
        <v>10406178</v>
      </c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</row>
    <row r="36" spans="1:26" ht="12" customHeight="1" x14ac:dyDescent="0.15">
      <c r="A36" s="13" t="s">
        <v>27</v>
      </c>
      <c r="B36" s="30">
        <v>6029</v>
      </c>
      <c r="C36" s="30">
        <v>233</v>
      </c>
      <c r="D36" s="30">
        <v>6262</v>
      </c>
      <c r="E36" s="30">
        <v>16553253</v>
      </c>
      <c r="F36" s="79"/>
      <c r="G36" s="30">
        <v>440110</v>
      </c>
      <c r="H36" s="30">
        <v>2357</v>
      </c>
      <c r="I36" s="30">
        <v>41174</v>
      </c>
      <c r="J36" s="30">
        <v>10606</v>
      </c>
      <c r="K36" s="30">
        <v>9358</v>
      </c>
      <c r="L36" s="30">
        <v>931</v>
      </c>
      <c r="M36" s="30">
        <v>6006060</v>
      </c>
      <c r="N36" s="3"/>
      <c r="O36" s="3"/>
      <c r="P36" s="3"/>
      <c r="Q36" s="3"/>
      <c r="R36" s="3"/>
      <c r="S36" s="3"/>
      <c r="T36" s="3"/>
      <c r="U36" s="3"/>
      <c r="V36" s="3"/>
      <c r="W36" s="3"/>
      <c r="X36" s="3"/>
      <c r="Y36" s="3"/>
      <c r="Z36" s="3"/>
    </row>
    <row r="37" spans="1:26" ht="12" customHeight="1" x14ac:dyDescent="0.15">
      <c r="A37" s="12" t="s">
        <v>28</v>
      </c>
      <c r="B37" s="27">
        <v>2955</v>
      </c>
      <c r="C37" s="27">
        <v>226</v>
      </c>
      <c r="D37" s="27">
        <v>3181</v>
      </c>
      <c r="E37" s="27">
        <v>8726175</v>
      </c>
      <c r="F37" s="79"/>
      <c r="G37" s="27">
        <v>422057</v>
      </c>
      <c r="H37" s="27">
        <v>0</v>
      </c>
      <c r="I37" s="27">
        <v>6257</v>
      </c>
      <c r="J37" s="27">
        <v>7815</v>
      </c>
      <c r="K37" s="27">
        <v>4408</v>
      </c>
      <c r="L37" s="27">
        <v>199</v>
      </c>
      <c r="M37" s="27">
        <v>3457787</v>
      </c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</row>
    <row r="38" spans="1:26" ht="12" customHeight="1" x14ac:dyDescent="0.15">
      <c r="A38" s="12" t="s">
        <v>29</v>
      </c>
      <c r="B38" s="27">
        <v>10460</v>
      </c>
      <c r="C38" s="27">
        <v>776</v>
      </c>
      <c r="D38" s="27">
        <v>11236</v>
      </c>
      <c r="E38" s="27">
        <v>30716858</v>
      </c>
      <c r="F38" s="79"/>
      <c r="G38" s="27">
        <v>1188877</v>
      </c>
      <c r="H38" s="27">
        <v>9748</v>
      </c>
      <c r="I38" s="27">
        <v>9847</v>
      </c>
      <c r="J38" s="27">
        <v>33811</v>
      </c>
      <c r="K38" s="27">
        <v>26828</v>
      </c>
      <c r="L38" s="27">
        <v>1367</v>
      </c>
      <c r="M38" s="27">
        <v>11897869</v>
      </c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</row>
    <row r="39" spans="1:26" ht="12" customHeight="1" x14ac:dyDescent="0.15">
      <c r="A39" s="12" t="s">
        <v>30</v>
      </c>
      <c r="B39" s="27">
        <v>17639</v>
      </c>
      <c r="C39" s="27">
        <v>1658</v>
      </c>
      <c r="D39" s="27">
        <v>19297</v>
      </c>
      <c r="E39" s="27">
        <v>54118993</v>
      </c>
      <c r="F39" s="79"/>
      <c r="G39" s="27">
        <v>958814</v>
      </c>
      <c r="H39" s="27">
        <v>14057</v>
      </c>
      <c r="I39" s="27">
        <v>399811</v>
      </c>
      <c r="J39" s="27">
        <v>39881</v>
      </c>
      <c r="K39" s="27">
        <v>10231</v>
      </c>
      <c r="L39" s="27">
        <v>1405</v>
      </c>
      <c r="M39" s="27">
        <v>20591969</v>
      </c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  <c r="Z39" s="3"/>
    </row>
    <row r="40" spans="1:26" ht="12" customHeight="1" x14ac:dyDescent="0.15">
      <c r="A40" s="12" t="s">
        <v>31</v>
      </c>
      <c r="B40" s="27">
        <v>1287</v>
      </c>
      <c r="C40" s="27">
        <v>81</v>
      </c>
      <c r="D40" s="27">
        <v>1368</v>
      </c>
      <c r="E40" s="27">
        <v>4018193</v>
      </c>
      <c r="F40" s="79"/>
      <c r="G40" s="27">
        <v>58309</v>
      </c>
      <c r="H40" s="27">
        <v>0</v>
      </c>
      <c r="I40" s="27">
        <v>0</v>
      </c>
      <c r="J40" s="27">
        <v>96</v>
      </c>
      <c r="K40" s="27">
        <v>84</v>
      </c>
      <c r="L40" s="27">
        <v>0</v>
      </c>
      <c r="M40" s="27">
        <v>1500664</v>
      </c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</row>
    <row r="41" spans="1:26" ht="19.5" customHeight="1" x14ac:dyDescent="0.2">
      <c r="A41" s="1" t="s">
        <v>37</v>
      </c>
      <c r="B41" s="49">
        <v>4375361</v>
      </c>
      <c r="C41" s="49">
        <v>248213</v>
      </c>
      <c r="D41" s="49">
        <v>4623574</v>
      </c>
      <c r="E41" s="50">
        <v>17217435426</v>
      </c>
      <c r="F41" s="80"/>
      <c r="G41" s="49">
        <v>468589922</v>
      </c>
      <c r="H41" s="49">
        <v>4735475</v>
      </c>
      <c r="I41" s="49">
        <v>107159668</v>
      </c>
      <c r="J41" s="49">
        <v>72314371</v>
      </c>
      <c r="K41" s="49">
        <v>9138414</v>
      </c>
      <c r="L41" s="49">
        <v>5972455</v>
      </c>
      <c r="M41" s="50">
        <v>5505196126</v>
      </c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  <c r="Z41" s="3"/>
    </row>
    <row r="42" spans="1:26" ht="12" customHeight="1" x14ac:dyDescent="0.2">
      <c r="A42" s="3" t="s">
        <v>91</v>
      </c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</row>
    <row r="43" spans="1:26" ht="12" customHeight="1" x14ac:dyDescent="0.2"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</row>
    <row r="44" spans="1:26" ht="12" customHeight="1" x14ac:dyDescent="0.2"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</row>
    <row r="45" spans="1:26" ht="12" customHeight="1" x14ac:dyDescent="0.2"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</row>
  </sheetData>
  <mergeCells count="14">
    <mergeCell ref="M4:M7"/>
    <mergeCell ref="F4:F7"/>
    <mergeCell ref="G4:G7"/>
    <mergeCell ref="I4:I7"/>
    <mergeCell ref="L4:L7"/>
    <mergeCell ref="H4:H7"/>
    <mergeCell ref="K4:K7"/>
    <mergeCell ref="J4:J7"/>
    <mergeCell ref="B5:B7"/>
    <mergeCell ref="C5:C7"/>
    <mergeCell ref="D5:D7"/>
    <mergeCell ref="B4:D4"/>
    <mergeCell ref="F8:F41"/>
    <mergeCell ref="E4:E7"/>
  </mergeCells>
  <phoneticPr fontId="2"/>
  <pageMargins left="0.78740157480314965" right="0.78740157480314965" top="0.78740157480314965" bottom="0.78740157480314965" header="0.51181102362204722" footer="0.31496062992125984"/>
  <pageSetup paperSize="9" scale="88" firstPageNumber="189" orientation="landscape" blackAndWhite="1" useFirstPageNumber="1" horizontalDpi="300" verticalDpi="300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43"/>
  <sheetViews>
    <sheetView workbookViewId="0">
      <pane xSplit="1" ySplit="5" topLeftCell="B6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2.6328125" style="3" customWidth="1"/>
    <col min="2" max="2" width="11.90625" style="3" customWidth="1"/>
    <col min="3" max="3" width="10.6328125" style="3" customWidth="1"/>
    <col min="4" max="8" width="8.08984375" style="3" customWidth="1"/>
    <col min="9" max="9" width="8.54296875" style="3" customWidth="1"/>
    <col min="10" max="10" width="5.6328125" style="3" customWidth="1"/>
    <col min="11" max="11" width="9.08984375" style="3" customWidth="1"/>
    <col min="12" max="12" width="9.6328125" style="3" customWidth="1"/>
    <col min="13" max="13" width="7" style="3" bestFit="1" customWidth="1"/>
    <col min="14" max="16" width="10.6328125" style="3" customWidth="1"/>
    <col min="17" max="18" width="8.08984375" style="3" customWidth="1"/>
    <col min="19" max="16384" width="12.6328125" style="3"/>
  </cols>
  <sheetData>
    <row r="1" spans="1:21" ht="12" customHeight="1" x14ac:dyDescent="0.2">
      <c r="B1" s="6"/>
      <c r="C1" s="6"/>
      <c r="D1" s="6"/>
      <c r="E1" s="6"/>
      <c r="F1" s="6"/>
      <c r="G1" s="6"/>
      <c r="H1" s="6"/>
      <c r="I1" s="7"/>
      <c r="J1" s="7"/>
      <c r="K1" s="6"/>
      <c r="L1" s="7"/>
      <c r="M1" s="7"/>
      <c r="N1" s="6"/>
      <c r="O1" s="6"/>
      <c r="P1" s="7" t="s">
        <v>32</v>
      </c>
      <c r="Q1" s="7"/>
      <c r="R1" s="7"/>
      <c r="S1" s="6"/>
      <c r="T1" s="6"/>
      <c r="U1" s="6"/>
    </row>
    <row r="2" spans="1:21" ht="12" customHeight="1" x14ac:dyDescent="0.2">
      <c r="A2" s="8" t="s">
        <v>33</v>
      </c>
      <c r="B2" s="61" t="s">
        <v>57</v>
      </c>
      <c r="C2" s="61" t="s">
        <v>58</v>
      </c>
      <c r="D2" s="64" t="s">
        <v>59</v>
      </c>
      <c r="E2" s="93"/>
      <c r="F2" s="93"/>
      <c r="G2" s="93"/>
      <c r="H2" s="93"/>
      <c r="I2" s="94"/>
      <c r="J2" s="61" t="s">
        <v>71</v>
      </c>
      <c r="K2" s="61" t="s">
        <v>61</v>
      </c>
      <c r="L2" s="61" t="s">
        <v>84</v>
      </c>
      <c r="M2" s="61" t="s">
        <v>62</v>
      </c>
      <c r="N2" s="87" t="s">
        <v>63</v>
      </c>
      <c r="O2" s="88"/>
      <c r="P2" s="89"/>
      <c r="Q2" s="17"/>
      <c r="R2" s="17"/>
      <c r="S2" s="6"/>
      <c r="T2" s="6"/>
      <c r="U2" s="6"/>
    </row>
    <row r="3" spans="1:21" ht="12" customHeight="1" x14ac:dyDescent="0.2">
      <c r="A3" s="9"/>
      <c r="B3" s="81"/>
      <c r="C3" s="81"/>
      <c r="D3" s="61" t="s">
        <v>64</v>
      </c>
      <c r="E3" s="61" t="s">
        <v>65</v>
      </c>
      <c r="F3" s="61" t="s">
        <v>66</v>
      </c>
      <c r="G3" s="61" t="s">
        <v>67</v>
      </c>
      <c r="H3" s="53" t="s">
        <v>68</v>
      </c>
      <c r="I3" s="90" t="s">
        <v>34</v>
      </c>
      <c r="J3" s="81"/>
      <c r="K3" s="81"/>
      <c r="L3" s="91"/>
      <c r="M3" s="81"/>
      <c r="N3" s="53" t="s">
        <v>69</v>
      </c>
      <c r="O3" s="53" t="s">
        <v>70</v>
      </c>
      <c r="P3" s="53" t="s">
        <v>34</v>
      </c>
      <c r="Q3" s="17"/>
      <c r="R3" s="17"/>
      <c r="S3" s="6"/>
      <c r="T3" s="6"/>
      <c r="U3" s="6"/>
    </row>
    <row r="4" spans="1:21" ht="12" customHeight="1" x14ac:dyDescent="0.2">
      <c r="A4" s="9"/>
      <c r="B4" s="81"/>
      <c r="C4" s="81"/>
      <c r="D4" s="81"/>
      <c r="E4" s="81"/>
      <c r="F4" s="81"/>
      <c r="G4" s="81"/>
      <c r="H4" s="54"/>
      <c r="I4" s="62"/>
      <c r="J4" s="81"/>
      <c r="K4" s="81"/>
      <c r="L4" s="91"/>
      <c r="M4" s="81"/>
      <c r="N4" s="54"/>
      <c r="O4" s="54"/>
      <c r="P4" s="54"/>
      <c r="Q4" s="17"/>
      <c r="R4" s="17"/>
      <c r="S4" s="6"/>
      <c r="T4" s="6"/>
      <c r="U4" s="6"/>
    </row>
    <row r="5" spans="1:21" ht="12" customHeight="1" x14ac:dyDescent="0.2">
      <c r="A5" s="10" t="s">
        <v>35</v>
      </c>
      <c r="B5" s="82"/>
      <c r="C5" s="82"/>
      <c r="D5" s="82"/>
      <c r="E5" s="82"/>
      <c r="F5" s="82"/>
      <c r="G5" s="82"/>
      <c r="H5" s="54"/>
      <c r="I5" s="63"/>
      <c r="J5" s="82"/>
      <c r="K5" s="82"/>
      <c r="L5" s="92"/>
      <c r="M5" s="82"/>
      <c r="N5" s="54"/>
      <c r="O5" s="54"/>
      <c r="P5" s="54"/>
      <c r="Q5" s="17"/>
      <c r="R5" s="17"/>
      <c r="S5" s="6"/>
      <c r="T5" s="6"/>
      <c r="U5" s="6"/>
    </row>
    <row r="6" spans="1:21" ht="12" customHeight="1" x14ac:dyDescent="0.15">
      <c r="A6" s="11" t="s">
        <v>36</v>
      </c>
      <c r="B6" s="29">
        <v>5451139952</v>
      </c>
      <c r="C6" s="29">
        <v>107416426</v>
      </c>
      <c r="D6" s="29">
        <v>1192854</v>
      </c>
      <c r="E6" s="29">
        <v>115837</v>
      </c>
      <c r="F6" s="29">
        <v>1145379</v>
      </c>
      <c r="G6" s="29">
        <v>3633990</v>
      </c>
      <c r="H6" s="29">
        <v>15137</v>
      </c>
      <c r="I6" s="36">
        <v>6103197</v>
      </c>
      <c r="J6" s="29">
        <v>3673</v>
      </c>
      <c r="K6" s="29">
        <v>226131</v>
      </c>
      <c r="L6" s="29">
        <v>110855</v>
      </c>
      <c r="M6" s="29">
        <v>0</v>
      </c>
      <c r="N6" s="29">
        <v>100914061</v>
      </c>
      <c r="O6" s="29">
        <v>58509</v>
      </c>
      <c r="P6" s="29">
        <v>100972570</v>
      </c>
      <c r="Q6" s="18"/>
      <c r="R6" s="18"/>
    </row>
    <row r="7" spans="1:21" ht="12" customHeight="1" x14ac:dyDescent="0.15">
      <c r="A7" s="12" t="s">
        <v>0</v>
      </c>
      <c r="B7" s="27">
        <v>2348210904</v>
      </c>
      <c r="C7" s="27">
        <v>46239756</v>
      </c>
      <c r="D7" s="27">
        <v>487523</v>
      </c>
      <c r="E7" s="27">
        <v>43235</v>
      </c>
      <c r="F7" s="27">
        <v>482207</v>
      </c>
      <c r="G7" s="27">
        <v>1613908</v>
      </c>
      <c r="H7" s="27">
        <v>15015</v>
      </c>
      <c r="I7" s="38">
        <v>2641888</v>
      </c>
      <c r="J7" s="27">
        <v>1555</v>
      </c>
      <c r="K7" s="27">
        <v>31465</v>
      </c>
      <c r="L7" s="27">
        <v>89662</v>
      </c>
      <c r="M7" s="27">
        <v>6056</v>
      </c>
      <c r="N7" s="27">
        <v>42617665</v>
      </c>
      <c r="O7" s="27">
        <v>851465</v>
      </c>
      <c r="P7" s="27">
        <v>43469130</v>
      </c>
      <c r="Q7" s="18"/>
      <c r="R7" s="18"/>
    </row>
    <row r="8" spans="1:21" ht="12" customHeight="1" x14ac:dyDescent="0.15">
      <c r="A8" s="12" t="s">
        <v>8</v>
      </c>
      <c r="B8" s="27">
        <v>806805832</v>
      </c>
      <c r="C8" s="27">
        <v>15921240</v>
      </c>
      <c r="D8" s="27">
        <v>232232</v>
      </c>
      <c r="E8" s="27">
        <v>11772</v>
      </c>
      <c r="F8" s="27">
        <v>247624</v>
      </c>
      <c r="G8" s="27">
        <v>364866</v>
      </c>
      <c r="H8" s="27">
        <v>444</v>
      </c>
      <c r="I8" s="38">
        <v>856938</v>
      </c>
      <c r="J8" s="27">
        <v>801</v>
      </c>
      <c r="K8" s="27">
        <v>22162</v>
      </c>
      <c r="L8" s="27">
        <v>12928</v>
      </c>
      <c r="M8" s="27">
        <v>885</v>
      </c>
      <c r="N8" s="27">
        <v>14546388</v>
      </c>
      <c r="O8" s="27">
        <v>481138</v>
      </c>
      <c r="P8" s="27">
        <v>15027526</v>
      </c>
      <c r="Q8" s="18"/>
      <c r="R8" s="18"/>
      <c r="U8" s="16"/>
    </row>
    <row r="9" spans="1:21" ht="12" customHeight="1" x14ac:dyDescent="0.15">
      <c r="A9" s="11" t="s">
        <v>1</v>
      </c>
      <c r="B9" s="29">
        <v>400549204</v>
      </c>
      <c r="C9" s="29">
        <v>15840903</v>
      </c>
      <c r="D9" s="29">
        <v>260055</v>
      </c>
      <c r="E9" s="29">
        <v>11976</v>
      </c>
      <c r="F9" s="29">
        <v>234383</v>
      </c>
      <c r="G9" s="29">
        <v>273403</v>
      </c>
      <c r="H9" s="29">
        <v>523</v>
      </c>
      <c r="I9" s="36">
        <v>780340</v>
      </c>
      <c r="J9" s="29">
        <v>1189</v>
      </c>
      <c r="K9" s="29">
        <v>16565</v>
      </c>
      <c r="L9" s="29">
        <v>8503</v>
      </c>
      <c r="M9" s="29">
        <v>230</v>
      </c>
      <c r="N9" s="29">
        <v>14625473</v>
      </c>
      <c r="O9" s="29">
        <v>408603</v>
      </c>
      <c r="P9" s="29">
        <v>15034076</v>
      </c>
      <c r="Q9" s="18"/>
      <c r="R9" s="18"/>
      <c r="U9" s="16"/>
    </row>
    <row r="10" spans="1:21" ht="12" customHeight="1" x14ac:dyDescent="0.15">
      <c r="A10" s="12" t="s">
        <v>2</v>
      </c>
      <c r="B10" s="27">
        <v>278364698</v>
      </c>
      <c r="C10" s="27">
        <v>10872336</v>
      </c>
      <c r="D10" s="27">
        <v>163995</v>
      </c>
      <c r="E10" s="27">
        <v>9747</v>
      </c>
      <c r="F10" s="27">
        <v>183055</v>
      </c>
      <c r="G10" s="27">
        <v>236793</v>
      </c>
      <c r="H10" s="27">
        <v>964</v>
      </c>
      <c r="I10" s="38">
        <v>594554</v>
      </c>
      <c r="J10" s="27">
        <v>1009</v>
      </c>
      <c r="K10" s="27">
        <v>9844</v>
      </c>
      <c r="L10" s="27">
        <v>8375</v>
      </c>
      <c r="M10" s="27">
        <v>0</v>
      </c>
      <c r="N10" s="27">
        <v>9907905</v>
      </c>
      <c r="O10" s="27">
        <v>350649</v>
      </c>
      <c r="P10" s="27">
        <v>10258554</v>
      </c>
      <c r="Q10" s="18"/>
      <c r="R10" s="18"/>
      <c r="U10" s="16"/>
    </row>
    <row r="11" spans="1:21" ht="12" customHeight="1" x14ac:dyDescent="0.15">
      <c r="A11" s="12" t="s">
        <v>3</v>
      </c>
      <c r="B11" s="27">
        <v>301240144</v>
      </c>
      <c r="C11" s="27">
        <v>11465287</v>
      </c>
      <c r="D11" s="27">
        <v>111108</v>
      </c>
      <c r="E11" s="27">
        <v>20821</v>
      </c>
      <c r="F11" s="27">
        <v>87281</v>
      </c>
      <c r="G11" s="27">
        <v>415707</v>
      </c>
      <c r="H11" s="27">
        <v>1434</v>
      </c>
      <c r="I11" s="38">
        <v>636351</v>
      </c>
      <c r="J11" s="27">
        <v>375</v>
      </c>
      <c r="K11" s="27">
        <v>26671</v>
      </c>
      <c r="L11" s="27">
        <v>14007</v>
      </c>
      <c r="M11" s="27">
        <v>0</v>
      </c>
      <c r="N11" s="27">
        <v>10609466</v>
      </c>
      <c r="O11" s="27">
        <v>178417</v>
      </c>
      <c r="P11" s="27">
        <v>10787883</v>
      </c>
      <c r="Q11" s="18"/>
      <c r="R11" s="18"/>
      <c r="U11" s="16"/>
    </row>
    <row r="12" spans="1:21" ht="12" customHeight="1" x14ac:dyDescent="0.15">
      <c r="A12" s="12" t="s">
        <v>4</v>
      </c>
      <c r="B12" s="27">
        <v>609997131</v>
      </c>
      <c r="C12" s="27">
        <v>23636770</v>
      </c>
      <c r="D12" s="27">
        <v>274310</v>
      </c>
      <c r="E12" s="27">
        <v>25274</v>
      </c>
      <c r="F12" s="27">
        <v>320146</v>
      </c>
      <c r="G12" s="27">
        <v>720099</v>
      </c>
      <c r="H12" s="27">
        <v>14470</v>
      </c>
      <c r="I12" s="38">
        <v>1354299</v>
      </c>
      <c r="J12" s="27">
        <v>1303</v>
      </c>
      <c r="K12" s="27">
        <v>28234</v>
      </c>
      <c r="L12" s="27">
        <v>19435</v>
      </c>
      <c r="M12" s="27">
        <v>0</v>
      </c>
      <c r="N12" s="27">
        <v>21594534</v>
      </c>
      <c r="O12" s="27">
        <v>638965</v>
      </c>
      <c r="P12" s="27">
        <v>22233499</v>
      </c>
      <c r="Q12" s="18"/>
      <c r="R12" s="18"/>
      <c r="U12" s="16"/>
    </row>
    <row r="13" spans="1:21" ht="12" customHeight="1" x14ac:dyDescent="0.15">
      <c r="A13" s="12" t="s">
        <v>5</v>
      </c>
      <c r="B13" s="27">
        <v>201528147</v>
      </c>
      <c r="C13" s="27">
        <v>7921059</v>
      </c>
      <c r="D13" s="27">
        <v>122923</v>
      </c>
      <c r="E13" s="27">
        <v>7012</v>
      </c>
      <c r="F13" s="27">
        <v>114556</v>
      </c>
      <c r="G13" s="27">
        <v>175252</v>
      </c>
      <c r="H13" s="27">
        <v>1197</v>
      </c>
      <c r="I13" s="38">
        <v>420940</v>
      </c>
      <c r="J13" s="27">
        <v>490</v>
      </c>
      <c r="K13" s="27">
        <v>9203</v>
      </c>
      <c r="L13" s="27">
        <v>7065</v>
      </c>
      <c r="M13" s="27">
        <v>848</v>
      </c>
      <c r="N13" s="27">
        <v>7262135</v>
      </c>
      <c r="O13" s="27">
        <v>220378</v>
      </c>
      <c r="P13" s="27">
        <v>7482513</v>
      </c>
      <c r="Q13" s="18"/>
      <c r="R13" s="18"/>
      <c r="U13" s="16"/>
    </row>
    <row r="14" spans="1:21" ht="12" customHeight="1" x14ac:dyDescent="0.15">
      <c r="A14" s="13" t="s">
        <v>6</v>
      </c>
      <c r="B14" s="30">
        <v>303712096</v>
      </c>
      <c r="C14" s="30">
        <v>11793461</v>
      </c>
      <c r="D14" s="30">
        <v>154422</v>
      </c>
      <c r="E14" s="30">
        <v>12219</v>
      </c>
      <c r="F14" s="30">
        <v>206233</v>
      </c>
      <c r="G14" s="30">
        <v>316462</v>
      </c>
      <c r="H14" s="30">
        <v>625</v>
      </c>
      <c r="I14" s="40">
        <v>689961</v>
      </c>
      <c r="J14" s="30">
        <v>679</v>
      </c>
      <c r="K14" s="30">
        <v>18467</v>
      </c>
      <c r="L14" s="30">
        <v>20517</v>
      </c>
      <c r="M14" s="30">
        <v>73</v>
      </c>
      <c r="N14" s="30">
        <v>10678534</v>
      </c>
      <c r="O14" s="30">
        <v>385230</v>
      </c>
      <c r="P14" s="30">
        <v>11063764</v>
      </c>
      <c r="Q14" s="18"/>
      <c r="R14" s="18"/>
      <c r="U14" s="16"/>
    </row>
    <row r="15" spans="1:21" ht="12" customHeight="1" x14ac:dyDescent="0.15">
      <c r="A15" s="14" t="s">
        <v>7</v>
      </c>
      <c r="B15" s="27">
        <v>88098099</v>
      </c>
      <c r="C15" s="27">
        <v>3409532</v>
      </c>
      <c r="D15" s="27">
        <v>37522</v>
      </c>
      <c r="E15" s="27">
        <v>7452</v>
      </c>
      <c r="F15" s="27">
        <v>32194</v>
      </c>
      <c r="G15" s="27">
        <v>104151</v>
      </c>
      <c r="H15" s="27">
        <v>410</v>
      </c>
      <c r="I15" s="38">
        <v>181729</v>
      </c>
      <c r="J15" s="27">
        <v>124</v>
      </c>
      <c r="K15" s="27">
        <v>7125</v>
      </c>
      <c r="L15" s="27">
        <v>2790</v>
      </c>
      <c r="M15" s="27">
        <v>0</v>
      </c>
      <c r="N15" s="27">
        <v>3153940</v>
      </c>
      <c r="O15" s="27">
        <v>63824</v>
      </c>
      <c r="P15" s="27">
        <v>3217764</v>
      </c>
      <c r="Q15" s="18"/>
      <c r="R15" s="18"/>
      <c r="U15" s="16"/>
    </row>
    <row r="16" spans="1:21" ht="12" customHeight="1" x14ac:dyDescent="0.15">
      <c r="A16" s="12" t="s">
        <v>9</v>
      </c>
      <c r="B16" s="27">
        <v>38594153</v>
      </c>
      <c r="C16" s="27">
        <v>1467391</v>
      </c>
      <c r="D16" s="27">
        <v>27242</v>
      </c>
      <c r="E16" s="27">
        <v>1225</v>
      </c>
      <c r="F16" s="27">
        <v>15316</v>
      </c>
      <c r="G16" s="27">
        <v>17383</v>
      </c>
      <c r="H16" s="27">
        <v>191</v>
      </c>
      <c r="I16" s="38">
        <v>61357</v>
      </c>
      <c r="J16" s="27">
        <v>100</v>
      </c>
      <c r="K16" s="27">
        <v>1066</v>
      </c>
      <c r="L16" s="27">
        <v>949</v>
      </c>
      <c r="M16" s="27">
        <v>52</v>
      </c>
      <c r="N16" s="27">
        <v>1372247</v>
      </c>
      <c r="O16" s="27">
        <v>31620</v>
      </c>
      <c r="P16" s="27">
        <v>1403867</v>
      </c>
      <c r="Q16" s="18"/>
      <c r="R16" s="18"/>
      <c r="U16" s="16"/>
    </row>
    <row r="17" spans="1:21" ht="12" customHeight="1" x14ac:dyDescent="0.15">
      <c r="A17" s="12" t="s">
        <v>10</v>
      </c>
      <c r="B17" s="27">
        <v>159575419</v>
      </c>
      <c r="C17" s="27">
        <v>6291953</v>
      </c>
      <c r="D17" s="27">
        <v>103520</v>
      </c>
      <c r="E17" s="27">
        <v>6722</v>
      </c>
      <c r="F17" s="27">
        <v>96673</v>
      </c>
      <c r="G17" s="27">
        <v>123568</v>
      </c>
      <c r="H17" s="27">
        <v>22</v>
      </c>
      <c r="I17" s="38">
        <v>330505</v>
      </c>
      <c r="J17" s="27">
        <v>574</v>
      </c>
      <c r="K17" s="27">
        <v>7585</v>
      </c>
      <c r="L17" s="27">
        <v>5088</v>
      </c>
      <c r="M17" s="27">
        <v>0</v>
      </c>
      <c r="N17" s="27">
        <v>5760927</v>
      </c>
      <c r="O17" s="27">
        <v>187274</v>
      </c>
      <c r="P17" s="27">
        <v>5948201</v>
      </c>
      <c r="Q17" s="18"/>
      <c r="R17" s="18"/>
      <c r="U17" s="16"/>
    </row>
    <row r="18" spans="1:21" ht="12" customHeight="1" x14ac:dyDescent="0.15">
      <c r="A18" s="12" t="s">
        <v>11</v>
      </c>
      <c r="B18" s="27">
        <v>260068885</v>
      </c>
      <c r="C18" s="27">
        <v>10233796</v>
      </c>
      <c r="D18" s="27">
        <v>146233</v>
      </c>
      <c r="E18" s="27">
        <v>6329</v>
      </c>
      <c r="F18" s="27">
        <v>126732</v>
      </c>
      <c r="G18" s="27">
        <v>233705</v>
      </c>
      <c r="H18" s="27">
        <v>731</v>
      </c>
      <c r="I18" s="38">
        <v>513730</v>
      </c>
      <c r="J18" s="27">
        <v>883</v>
      </c>
      <c r="K18" s="27">
        <v>9020</v>
      </c>
      <c r="L18" s="27">
        <v>6463</v>
      </c>
      <c r="M18" s="27">
        <v>247</v>
      </c>
      <c r="N18" s="27">
        <v>9451107</v>
      </c>
      <c r="O18" s="27">
        <v>252346</v>
      </c>
      <c r="P18" s="27">
        <v>9703453</v>
      </c>
      <c r="Q18" s="18"/>
      <c r="R18" s="18"/>
      <c r="U18" s="16"/>
    </row>
    <row r="19" spans="1:21" ht="12" customHeight="1" x14ac:dyDescent="0.15">
      <c r="A19" s="13" t="s">
        <v>12</v>
      </c>
      <c r="B19" s="30">
        <v>284220686</v>
      </c>
      <c r="C19" s="30">
        <v>11146752</v>
      </c>
      <c r="D19" s="30">
        <v>154458</v>
      </c>
      <c r="E19" s="30">
        <v>8504</v>
      </c>
      <c r="F19" s="30">
        <v>183733</v>
      </c>
      <c r="G19" s="30">
        <v>262428</v>
      </c>
      <c r="H19" s="30">
        <v>395</v>
      </c>
      <c r="I19" s="40">
        <v>609518</v>
      </c>
      <c r="J19" s="30">
        <v>561</v>
      </c>
      <c r="K19" s="30">
        <v>11135</v>
      </c>
      <c r="L19" s="30">
        <v>6910</v>
      </c>
      <c r="M19" s="30">
        <v>201</v>
      </c>
      <c r="N19" s="30">
        <v>10174831</v>
      </c>
      <c r="O19" s="30">
        <v>343596</v>
      </c>
      <c r="P19" s="30">
        <v>10518427</v>
      </c>
      <c r="Q19" s="18"/>
      <c r="R19" s="18"/>
      <c r="U19" s="16"/>
    </row>
    <row r="20" spans="1:21" ht="12" customHeight="1" x14ac:dyDescent="0.15">
      <c r="A20" s="14" t="s">
        <v>13</v>
      </c>
      <c r="B20" s="27">
        <v>116880524</v>
      </c>
      <c r="C20" s="27">
        <v>4596829</v>
      </c>
      <c r="D20" s="27">
        <v>68926</v>
      </c>
      <c r="E20" s="27">
        <v>3070</v>
      </c>
      <c r="F20" s="27">
        <v>66173</v>
      </c>
      <c r="G20" s="27">
        <v>103726</v>
      </c>
      <c r="H20" s="27">
        <v>118</v>
      </c>
      <c r="I20" s="38">
        <v>242013</v>
      </c>
      <c r="J20" s="27">
        <v>227</v>
      </c>
      <c r="K20" s="27">
        <v>3916</v>
      </c>
      <c r="L20" s="27">
        <v>3280</v>
      </c>
      <c r="M20" s="27">
        <v>80</v>
      </c>
      <c r="N20" s="27">
        <v>4213336</v>
      </c>
      <c r="O20" s="27">
        <v>133977</v>
      </c>
      <c r="P20" s="27">
        <v>4347313</v>
      </c>
      <c r="Q20" s="18"/>
      <c r="R20" s="18"/>
      <c r="U20" s="16"/>
    </row>
    <row r="21" spans="1:21" ht="12" customHeight="1" x14ac:dyDescent="0.15">
      <c r="A21" s="12" t="s">
        <v>14</v>
      </c>
      <c r="B21" s="27">
        <v>162424254</v>
      </c>
      <c r="C21" s="27">
        <v>6360828</v>
      </c>
      <c r="D21" s="27">
        <v>86249</v>
      </c>
      <c r="E21" s="27">
        <v>3773</v>
      </c>
      <c r="F21" s="27">
        <v>106375</v>
      </c>
      <c r="G21" s="27">
        <v>175092</v>
      </c>
      <c r="H21" s="27">
        <v>505</v>
      </c>
      <c r="I21" s="38">
        <v>371994</v>
      </c>
      <c r="J21" s="27">
        <v>418</v>
      </c>
      <c r="K21" s="27">
        <v>3286</v>
      </c>
      <c r="L21" s="27">
        <v>4696</v>
      </c>
      <c r="M21" s="27">
        <v>0</v>
      </c>
      <c r="N21" s="27">
        <v>5735400</v>
      </c>
      <c r="O21" s="27">
        <v>245034</v>
      </c>
      <c r="P21" s="27">
        <v>5980434</v>
      </c>
      <c r="Q21" s="18"/>
      <c r="R21" s="18"/>
      <c r="U21" s="16"/>
    </row>
    <row r="22" spans="1:21" ht="12" customHeight="1" x14ac:dyDescent="0.15">
      <c r="A22" s="12" t="s">
        <v>15</v>
      </c>
      <c r="B22" s="27">
        <v>138781312</v>
      </c>
      <c r="C22" s="27">
        <v>5465585</v>
      </c>
      <c r="D22" s="27">
        <v>85835</v>
      </c>
      <c r="E22" s="27">
        <v>2682</v>
      </c>
      <c r="F22" s="27">
        <v>113944</v>
      </c>
      <c r="G22" s="27">
        <v>102313</v>
      </c>
      <c r="H22" s="27">
        <v>157</v>
      </c>
      <c r="I22" s="38">
        <v>304931</v>
      </c>
      <c r="J22" s="27">
        <v>487</v>
      </c>
      <c r="K22" s="27">
        <v>3828</v>
      </c>
      <c r="L22" s="27">
        <v>3127</v>
      </c>
      <c r="M22" s="27">
        <v>481</v>
      </c>
      <c r="N22" s="27">
        <v>4953886</v>
      </c>
      <c r="O22" s="27">
        <v>198845</v>
      </c>
      <c r="P22" s="27">
        <v>5152731</v>
      </c>
      <c r="Q22" s="18"/>
      <c r="R22" s="18"/>
      <c r="U22" s="16"/>
    </row>
    <row r="23" spans="1:21" ht="12" customHeight="1" x14ac:dyDescent="0.15">
      <c r="A23" s="12" t="s">
        <v>16</v>
      </c>
      <c r="B23" s="27">
        <v>38992090</v>
      </c>
      <c r="C23" s="27">
        <v>1549092</v>
      </c>
      <c r="D23" s="27">
        <v>28543</v>
      </c>
      <c r="E23" s="27">
        <v>1407</v>
      </c>
      <c r="F23" s="27">
        <v>24509</v>
      </c>
      <c r="G23" s="27">
        <v>27389</v>
      </c>
      <c r="H23" s="27">
        <v>23</v>
      </c>
      <c r="I23" s="38">
        <v>81871</v>
      </c>
      <c r="J23" s="27">
        <v>114</v>
      </c>
      <c r="K23" s="27">
        <v>2206</v>
      </c>
      <c r="L23" s="27">
        <v>573</v>
      </c>
      <c r="M23" s="27">
        <v>147</v>
      </c>
      <c r="N23" s="27">
        <v>1413313</v>
      </c>
      <c r="O23" s="27">
        <v>50868</v>
      </c>
      <c r="P23" s="27">
        <v>1464181</v>
      </c>
      <c r="Q23" s="18"/>
      <c r="R23" s="18"/>
      <c r="U23" s="16"/>
    </row>
    <row r="24" spans="1:21" ht="12" customHeight="1" x14ac:dyDescent="0.15">
      <c r="A24" s="2" t="s">
        <v>17</v>
      </c>
      <c r="B24" s="27">
        <v>82995509</v>
      </c>
      <c r="C24" s="27">
        <v>3276970</v>
      </c>
      <c r="D24" s="27">
        <v>54859</v>
      </c>
      <c r="E24" s="27">
        <v>3290</v>
      </c>
      <c r="F24" s="27">
        <v>74624</v>
      </c>
      <c r="G24" s="27">
        <v>50906</v>
      </c>
      <c r="H24" s="27">
        <v>145</v>
      </c>
      <c r="I24" s="38">
        <v>183824</v>
      </c>
      <c r="J24" s="27">
        <v>387</v>
      </c>
      <c r="K24" s="27">
        <v>2267</v>
      </c>
      <c r="L24" s="27">
        <v>2510</v>
      </c>
      <c r="M24" s="27">
        <v>69</v>
      </c>
      <c r="N24" s="27">
        <v>2958210</v>
      </c>
      <c r="O24" s="27">
        <v>129703</v>
      </c>
      <c r="P24" s="27">
        <v>3087913</v>
      </c>
      <c r="Q24" s="18"/>
      <c r="R24" s="18"/>
      <c r="U24" s="16"/>
    </row>
    <row r="25" spans="1:21" ht="12" customHeight="1" x14ac:dyDescent="0.15">
      <c r="A25" s="11" t="s">
        <v>18</v>
      </c>
      <c r="B25" s="29">
        <v>48740690</v>
      </c>
      <c r="C25" s="29">
        <v>1884309</v>
      </c>
      <c r="D25" s="29">
        <v>20059</v>
      </c>
      <c r="E25" s="29">
        <v>3288</v>
      </c>
      <c r="F25" s="29">
        <v>17720</v>
      </c>
      <c r="G25" s="29">
        <v>66207</v>
      </c>
      <c r="H25" s="29">
        <v>179</v>
      </c>
      <c r="I25" s="36">
        <v>107453</v>
      </c>
      <c r="J25" s="29">
        <v>75</v>
      </c>
      <c r="K25" s="29">
        <v>3858</v>
      </c>
      <c r="L25" s="29">
        <v>2070</v>
      </c>
      <c r="M25" s="29">
        <v>0</v>
      </c>
      <c r="N25" s="29">
        <v>1733633</v>
      </c>
      <c r="O25" s="29">
        <v>37220</v>
      </c>
      <c r="P25" s="29">
        <v>1770853</v>
      </c>
      <c r="Q25" s="18"/>
      <c r="R25" s="18"/>
      <c r="U25" s="16"/>
    </row>
    <row r="26" spans="1:21" ht="12" customHeight="1" x14ac:dyDescent="0.15">
      <c r="A26" s="12" t="s">
        <v>19</v>
      </c>
      <c r="B26" s="27">
        <v>48010551</v>
      </c>
      <c r="C26" s="27">
        <v>1885327</v>
      </c>
      <c r="D26" s="27">
        <v>31551</v>
      </c>
      <c r="E26" s="27">
        <v>1030</v>
      </c>
      <c r="F26" s="27">
        <v>48198</v>
      </c>
      <c r="G26" s="27">
        <v>26608</v>
      </c>
      <c r="H26" s="27">
        <v>0</v>
      </c>
      <c r="I26" s="38">
        <v>107387</v>
      </c>
      <c r="J26" s="27">
        <v>178</v>
      </c>
      <c r="K26" s="27">
        <v>1680</v>
      </c>
      <c r="L26" s="27">
        <v>644</v>
      </c>
      <c r="M26" s="27">
        <v>76</v>
      </c>
      <c r="N26" s="27">
        <v>1695096</v>
      </c>
      <c r="O26" s="27">
        <v>80266</v>
      </c>
      <c r="P26" s="27">
        <v>1775362</v>
      </c>
      <c r="Q26" s="18"/>
      <c r="R26" s="18"/>
      <c r="U26" s="16"/>
    </row>
    <row r="27" spans="1:21" ht="12" customHeight="1" x14ac:dyDescent="0.15">
      <c r="A27" s="12" t="s">
        <v>20</v>
      </c>
      <c r="B27" s="27">
        <v>42356048</v>
      </c>
      <c r="C27" s="27">
        <v>1626573</v>
      </c>
      <c r="D27" s="27">
        <v>20898</v>
      </c>
      <c r="E27" s="27">
        <v>3573</v>
      </c>
      <c r="F27" s="27">
        <v>20774</v>
      </c>
      <c r="G27" s="27">
        <v>45378</v>
      </c>
      <c r="H27" s="27">
        <v>683</v>
      </c>
      <c r="I27" s="38">
        <v>91306</v>
      </c>
      <c r="J27" s="27">
        <v>78</v>
      </c>
      <c r="K27" s="27">
        <v>3484</v>
      </c>
      <c r="L27" s="27">
        <v>1135</v>
      </c>
      <c r="M27" s="27">
        <v>31</v>
      </c>
      <c r="N27" s="27">
        <v>1489100</v>
      </c>
      <c r="O27" s="27">
        <v>41439</v>
      </c>
      <c r="P27" s="27">
        <v>1530539</v>
      </c>
      <c r="Q27" s="18"/>
      <c r="R27" s="18"/>
      <c r="U27" s="16"/>
    </row>
    <row r="28" spans="1:21" ht="12" customHeight="1" x14ac:dyDescent="0.15">
      <c r="A28" s="12" t="s">
        <v>21</v>
      </c>
      <c r="B28" s="27">
        <v>30532030</v>
      </c>
      <c r="C28" s="27">
        <v>1199403</v>
      </c>
      <c r="D28" s="27">
        <v>18996</v>
      </c>
      <c r="E28" s="27">
        <v>1420</v>
      </c>
      <c r="F28" s="27">
        <v>16422</v>
      </c>
      <c r="G28" s="27">
        <v>24803</v>
      </c>
      <c r="H28" s="27">
        <v>1</v>
      </c>
      <c r="I28" s="38">
        <v>61642</v>
      </c>
      <c r="J28" s="27">
        <v>84</v>
      </c>
      <c r="K28" s="27">
        <v>3015</v>
      </c>
      <c r="L28" s="27">
        <v>1260</v>
      </c>
      <c r="M28" s="27">
        <v>56</v>
      </c>
      <c r="N28" s="27">
        <v>1102557</v>
      </c>
      <c r="O28" s="27">
        <v>30789</v>
      </c>
      <c r="P28" s="27">
        <v>1133346</v>
      </c>
      <c r="Q28" s="18"/>
      <c r="R28" s="18"/>
      <c r="U28" s="16"/>
    </row>
    <row r="29" spans="1:21" ht="12" customHeight="1" x14ac:dyDescent="0.15">
      <c r="A29" s="13" t="s">
        <v>22</v>
      </c>
      <c r="B29" s="30">
        <v>8708508</v>
      </c>
      <c r="C29" s="30">
        <v>339127</v>
      </c>
      <c r="D29" s="30">
        <v>6377</v>
      </c>
      <c r="E29" s="30">
        <v>191</v>
      </c>
      <c r="F29" s="30">
        <v>4585</v>
      </c>
      <c r="G29" s="30">
        <v>3958</v>
      </c>
      <c r="H29" s="30">
        <v>0</v>
      </c>
      <c r="I29" s="40">
        <v>15111</v>
      </c>
      <c r="J29" s="30">
        <v>40</v>
      </c>
      <c r="K29" s="30">
        <v>270</v>
      </c>
      <c r="L29" s="30">
        <v>135</v>
      </c>
      <c r="M29" s="30">
        <v>37</v>
      </c>
      <c r="N29" s="30">
        <v>315440</v>
      </c>
      <c r="O29" s="30">
        <v>8094</v>
      </c>
      <c r="P29" s="30">
        <v>323534</v>
      </c>
      <c r="Q29" s="18"/>
      <c r="R29" s="18"/>
      <c r="U29" s="16"/>
    </row>
    <row r="30" spans="1:21" ht="12" customHeight="1" x14ac:dyDescent="0.15">
      <c r="A30" s="12" t="s">
        <v>23</v>
      </c>
      <c r="B30" s="27">
        <v>16152903</v>
      </c>
      <c r="C30" s="27">
        <v>638084</v>
      </c>
      <c r="D30" s="27">
        <v>11438</v>
      </c>
      <c r="E30" s="27">
        <v>668</v>
      </c>
      <c r="F30" s="27">
        <v>13894</v>
      </c>
      <c r="G30" s="27">
        <v>9163</v>
      </c>
      <c r="H30" s="27">
        <v>106</v>
      </c>
      <c r="I30" s="38">
        <v>35269</v>
      </c>
      <c r="J30" s="27">
        <v>61</v>
      </c>
      <c r="K30" s="27">
        <v>609</v>
      </c>
      <c r="L30" s="27">
        <v>368</v>
      </c>
      <c r="M30" s="27">
        <v>44</v>
      </c>
      <c r="N30" s="27">
        <v>577759</v>
      </c>
      <c r="O30" s="27">
        <v>23974</v>
      </c>
      <c r="P30" s="27">
        <v>601733</v>
      </c>
      <c r="Q30" s="18"/>
      <c r="R30" s="18"/>
      <c r="U30" s="16"/>
    </row>
    <row r="31" spans="1:21" ht="12" customHeight="1" x14ac:dyDescent="0.15">
      <c r="A31" s="12" t="s">
        <v>24</v>
      </c>
      <c r="B31" s="27">
        <v>10242799</v>
      </c>
      <c r="C31" s="27">
        <v>407228</v>
      </c>
      <c r="D31" s="27">
        <v>7304</v>
      </c>
      <c r="E31" s="27">
        <v>492</v>
      </c>
      <c r="F31" s="27">
        <v>6032</v>
      </c>
      <c r="G31" s="27">
        <v>8270</v>
      </c>
      <c r="H31" s="27">
        <v>0</v>
      </c>
      <c r="I31" s="38">
        <v>22098</v>
      </c>
      <c r="J31" s="27">
        <v>32</v>
      </c>
      <c r="K31" s="27">
        <v>351</v>
      </c>
      <c r="L31" s="27">
        <v>121</v>
      </c>
      <c r="M31" s="27">
        <v>0</v>
      </c>
      <c r="N31" s="27">
        <v>372307</v>
      </c>
      <c r="O31" s="27">
        <v>12319</v>
      </c>
      <c r="P31" s="27">
        <v>384626</v>
      </c>
      <c r="Q31" s="18"/>
      <c r="R31" s="18"/>
      <c r="U31" s="16"/>
    </row>
    <row r="32" spans="1:21" ht="12" customHeight="1" x14ac:dyDescent="0.15">
      <c r="A32" s="12" t="s">
        <v>25</v>
      </c>
      <c r="B32" s="27">
        <v>8317813</v>
      </c>
      <c r="C32" s="27">
        <v>330555</v>
      </c>
      <c r="D32" s="27">
        <v>6827</v>
      </c>
      <c r="E32" s="27">
        <v>238</v>
      </c>
      <c r="F32" s="27">
        <v>3170</v>
      </c>
      <c r="G32" s="27">
        <v>3642</v>
      </c>
      <c r="H32" s="27">
        <v>0</v>
      </c>
      <c r="I32" s="38">
        <v>13877</v>
      </c>
      <c r="J32" s="27">
        <v>14</v>
      </c>
      <c r="K32" s="27">
        <v>434</v>
      </c>
      <c r="L32" s="27">
        <v>53</v>
      </c>
      <c r="M32" s="27">
        <v>0</v>
      </c>
      <c r="N32" s="27">
        <v>309895</v>
      </c>
      <c r="O32" s="27">
        <v>6282</v>
      </c>
      <c r="P32" s="27">
        <v>316177</v>
      </c>
      <c r="Q32" s="18"/>
      <c r="R32" s="18"/>
      <c r="U32" s="16"/>
    </row>
    <row r="33" spans="1:21" ht="12" customHeight="1" x14ac:dyDescent="0.15">
      <c r="A33" s="12" t="s">
        <v>26</v>
      </c>
      <c r="B33" s="27">
        <v>20531663</v>
      </c>
      <c r="C33" s="27">
        <v>795815</v>
      </c>
      <c r="D33" s="27">
        <v>11430</v>
      </c>
      <c r="E33" s="27">
        <v>457</v>
      </c>
      <c r="F33" s="27">
        <v>17202</v>
      </c>
      <c r="G33" s="27">
        <v>20298</v>
      </c>
      <c r="H33" s="27">
        <v>9</v>
      </c>
      <c r="I33" s="38">
        <v>49396</v>
      </c>
      <c r="J33" s="27">
        <v>23</v>
      </c>
      <c r="K33" s="27">
        <v>907</v>
      </c>
      <c r="L33" s="27">
        <v>603</v>
      </c>
      <c r="M33" s="27">
        <v>0</v>
      </c>
      <c r="N33" s="27">
        <v>715245</v>
      </c>
      <c r="O33" s="27">
        <v>29641</v>
      </c>
      <c r="P33" s="27">
        <v>744886</v>
      </c>
      <c r="Q33" s="18"/>
      <c r="R33" s="18"/>
      <c r="U33" s="16"/>
    </row>
    <row r="34" spans="1:21" ht="12" customHeight="1" x14ac:dyDescent="0.15">
      <c r="A34" s="13" t="s">
        <v>27</v>
      </c>
      <c r="B34" s="30">
        <v>11051729</v>
      </c>
      <c r="C34" s="30">
        <v>434142</v>
      </c>
      <c r="D34" s="30">
        <v>7786</v>
      </c>
      <c r="E34" s="30">
        <v>300</v>
      </c>
      <c r="F34" s="30">
        <v>1757</v>
      </c>
      <c r="G34" s="30">
        <v>5368</v>
      </c>
      <c r="H34" s="30">
        <v>67</v>
      </c>
      <c r="I34" s="40">
        <v>15278</v>
      </c>
      <c r="J34" s="30">
        <v>52</v>
      </c>
      <c r="K34" s="30">
        <v>472</v>
      </c>
      <c r="L34" s="30">
        <v>308</v>
      </c>
      <c r="M34" s="30">
        <v>62</v>
      </c>
      <c r="N34" s="30">
        <v>415129</v>
      </c>
      <c r="O34" s="30">
        <v>2841</v>
      </c>
      <c r="P34" s="30">
        <v>417970</v>
      </c>
      <c r="Q34" s="18"/>
      <c r="R34" s="18"/>
      <c r="U34" s="16"/>
    </row>
    <row r="35" spans="1:21" ht="12" customHeight="1" x14ac:dyDescent="0.15">
      <c r="A35" s="14" t="s">
        <v>28</v>
      </c>
      <c r="B35" s="27">
        <v>5709124</v>
      </c>
      <c r="C35" s="27">
        <v>220572</v>
      </c>
      <c r="D35" s="27">
        <v>4663</v>
      </c>
      <c r="E35" s="27">
        <v>242</v>
      </c>
      <c r="F35" s="27">
        <v>1916</v>
      </c>
      <c r="G35" s="27">
        <v>3499</v>
      </c>
      <c r="H35" s="27">
        <v>110</v>
      </c>
      <c r="I35" s="38">
        <v>10430</v>
      </c>
      <c r="J35" s="27">
        <v>34</v>
      </c>
      <c r="K35" s="27">
        <v>489</v>
      </c>
      <c r="L35" s="27">
        <v>162</v>
      </c>
      <c r="M35" s="47">
        <v>0</v>
      </c>
      <c r="N35" s="47">
        <v>206382</v>
      </c>
      <c r="O35" s="47">
        <v>3075</v>
      </c>
      <c r="P35" s="47">
        <v>209457</v>
      </c>
      <c r="Q35" s="18"/>
      <c r="R35" s="18"/>
      <c r="U35" s="16"/>
    </row>
    <row r="36" spans="1:21" ht="12" customHeight="1" x14ac:dyDescent="0.15">
      <c r="A36" s="12" t="s">
        <v>29</v>
      </c>
      <c r="B36" s="27">
        <v>20089467</v>
      </c>
      <c r="C36" s="27">
        <v>782042</v>
      </c>
      <c r="D36" s="27">
        <v>15753</v>
      </c>
      <c r="E36" s="27">
        <v>693</v>
      </c>
      <c r="F36" s="27">
        <v>6687</v>
      </c>
      <c r="G36" s="27">
        <v>12121</v>
      </c>
      <c r="H36" s="27">
        <v>186</v>
      </c>
      <c r="I36" s="38">
        <v>35440</v>
      </c>
      <c r="J36" s="27">
        <v>166</v>
      </c>
      <c r="K36" s="27">
        <v>1484</v>
      </c>
      <c r="L36" s="27">
        <v>317</v>
      </c>
      <c r="M36" s="27">
        <v>88</v>
      </c>
      <c r="N36" s="27">
        <v>729645</v>
      </c>
      <c r="O36" s="27">
        <v>14902</v>
      </c>
      <c r="P36" s="27">
        <v>744547</v>
      </c>
      <c r="Q36" s="18"/>
      <c r="R36" s="18"/>
      <c r="U36" s="16"/>
    </row>
    <row r="37" spans="1:21" ht="12" customHeight="1" x14ac:dyDescent="0.15">
      <c r="A37" s="12" t="s">
        <v>30</v>
      </c>
      <c r="B37" s="27">
        <v>34951223</v>
      </c>
      <c r="C37" s="27">
        <v>1377317</v>
      </c>
      <c r="D37" s="27">
        <v>26562</v>
      </c>
      <c r="E37" s="27">
        <v>535</v>
      </c>
      <c r="F37" s="27">
        <v>25042</v>
      </c>
      <c r="G37" s="27">
        <v>12687</v>
      </c>
      <c r="H37" s="27">
        <v>10</v>
      </c>
      <c r="I37" s="38">
        <v>64836</v>
      </c>
      <c r="J37" s="27">
        <v>82</v>
      </c>
      <c r="K37" s="27">
        <v>870</v>
      </c>
      <c r="L37" s="27">
        <v>220</v>
      </c>
      <c r="M37" s="27">
        <v>21</v>
      </c>
      <c r="N37" s="27">
        <v>1264144</v>
      </c>
      <c r="O37" s="27">
        <v>47144</v>
      </c>
      <c r="P37" s="27">
        <v>1311288</v>
      </c>
      <c r="Q37" s="18"/>
      <c r="R37" s="18"/>
      <c r="U37" s="16"/>
    </row>
    <row r="38" spans="1:21" ht="12" customHeight="1" x14ac:dyDescent="0.15">
      <c r="A38" s="12" t="s">
        <v>31</v>
      </c>
      <c r="B38" s="27">
        <v>2576018</v>
      </c>
      <c r="C38" s="27">
        <v>102433</v>
      </c>
      <c r="D38" s="27">
        <v>1935</v>
      </c>
      <c r="E38" s="27">
        <v>39</v>
      </c>
      <c r="F38" s="27">
        <v>1310</v>
      </c>
      <c r="G38" s="27">
        <v>1415</v>
      </c>
      <c r="H38" s="27">
        <v>0</v>
      </c>
      <c r="I38" s="38">
        <v>4699</v>
      </c>
      <c r="J38" s="27">
        <v>5</v>
      </c>
      <c r="K38" s="27">
        <v>30</v>
      </c>
      <c r="L38" s="27">
        <v>4</v>
      </c>
      <c r="M38" s="27">
        <v>0</v>
      </c>
      <c r="N38" s="27">
        <v>95640</v>
      </c>
      <c r="O38" s="27">
        <v>2055</v>
      </c>
      <c r="P38" s="27">
        <v>97695</v>
      </c>
      <c r="Q38" s="18"/>
      <c r="R38" s="18"/>
      <c r="U38" s="16"/>
    </row>
    <row r="39" spans="1:21" ht="19.5" customHeight="1" x14ac:dyDescent="0.15">
      <c r="A39" s="1" t="s">
        <v>37</v>
      </c>
      <c r="B39" s="49">
        <v>12380149605</v>
      </c>
      <c r="C39" s="49">
        <v>316928893</v>
      </c>
      <c r="D39" s="49">
        <v>3984388</v>
      </c>
      <c r="E39" s="49">
        <v>315513</v>
      </c>
      <c r="F39" s="49">
        <v>4045846</v>
      </c>
      <c r="G39" s="49">
        <v>9194558</v>
      </c>
      <c r="H39" s="49">
        <v>53857</v>
      </c>
      <c r="I39" s="49">
        <v>17594162</v>
      </c>
      <c r="J39" s="49">
        <v>15873</v>
      </c>
      <c r="K39" s="49">
        <v>458129</v>
      </c>
      <c r="L39" s="49">
        <v>335133</v>
      </c>
      <c r="M39" s="49">
        <v>9784</v>
      </c>
      <c r="N39" s="49">
        <v>292965330</v>
      </c>
      <c r="O39" s="49">
        <v>5550482</v>
      </c>
      <c r="P39" s="50">
        <v>298515812</v>
      </c>
      <c r="Q39" s="18"/>
      <c r="R39" s="18"/>
      <c r="U39" s="16"/>
    </row>
    <row r="40" spans="1:21" ht="12" customHeight="1" x14ac:dyDescent="0.2">
      <c r="A40" s="3" t="s">
        <v>91</v>
      </c>
    </row>
    <row r="41" spans="1:21" ht="12" customHeight="1" x14ac:dyDescent="0.2"/>
    <row r="42" spans="1:21" ht="12" customHeight="1" x14ac:dyDescent="0.2"/>
    <row r="43" spans="1:21" ht="12" customHeight="1" x14ac:dyDescent="0.2"/>
  </sheetData>
  <mergeCells count="17">
    <mergeCell ref="B2:B5"/>
    <mergeCell ref="C2:C5"/>
    <mergeCell ref="F3:F5"/>
    <mergeCell ref="H3:H5"/>
    <mergeCell ref="I3:I5"/>
    <mergeCell ref="D2:I2"/>
    <mergeCell ref="D3:D5"/>
    <mergeCell ref="E3:E5"/>
    <mergeCell ref="M2:M5"/>
    <mergeCell ref="N3:N5"/>
    <mergeCell ref="G3:G5"/>
    <mergeCell ref="P3:P5"/>
    <mergeCell ref="N2:P2"/>
    <mergeCell ref="O3:O5"/>
    <mergeCell ref="J2:J5"/>
    <mergeCell ref="K2:K5"/>
    <mergeCell ref="L2:L5"/>
  </mergeCells>
  <phoneticPr fontId="2"/>
  <pageMargins left="0.78740157480314965" right="0.78740157480314965" top="0.78740157480314965" bottom="0.78740157480314965" header="0.51181102362204722" footer="0.31496062992125984"/>
  <pageSetup paperSize="9" scale="89" firstPageNumber="189" orientation="landscape" blackAndWhite="1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1</vt:i4>
      </vt:variant>
    </vt:vector>
  </HeadingPairs>
  <TitlesOfParts>
    <vt:vector size="6" baseType="lpstr">
      <vt:lpstr>住民税1</vt:lpstr>
      <vt:lpstr>住民税2</vt:lpstr>
      <vt:lpstr>住民税3</vt:lpstr>
      <vt:lpstr>住民税4</vt:lpstr>
      <vt:lpstr>住民税5</vt:lpstr>
      <vt:lpstr>住民税3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戸 将史</dc:creator>
  <cp:lastModifiedBy>user</cp:lastModifiedBy>
  <cp:lastPrinted>2020-12-25T02:42:09Z</cp:lastPrinted>
  <dcterms:created xsi:type="dcterms:W3CDTF">2011-03-09T04:47:01Z</dcterms:created>
  <dcterms:modified xsi:type="dcterms:W3CDTF">2021-01-05T01:51:19Z</dcterms:modified>
</cp:coreProperties>
</file>